
<file path=[Content_Types].xml><?xml version="1.0" encoding="utf-8"?>
<Types xmlns="http://schemas.openxmlformats.org/package/2006/content-types">
  <Default Extension="png" ContentType="image/png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customXml/itemProps1.xml" ContentType="application/vnd.openxmlformats-officedocument.customXmlProperties+xml"/>
  <Override PartName="/customXml/itemProps2.xml" ContentType="application/vnd.openxmlformats-officedocument.customXmlProperties+xml"/>
  <Override PartName="/customXml/itemProps3.xml" ContentType="application/vnd.openxmlformats-officedocument.customXmlProperties+xml"/>
  <Override PartName="/customXml/itemProps4.xml" ContentType="application/vnd.openxmlformats-officedocument.customXmlProperties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  <Override PartName="/docProps/custom.xml" ContentType="application/vnd.openxmlformats-officedocument.custom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5" Type="http://schemas.openxmlformats.org/officeDocument/2006/relationships/custom-properties" Target="docProps/custom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0" r:id="rId5"/>
  </p:sldMasterIdLst>
  <p:sldIdLst>
    <p:sldId id="257" r:id="rId6"/>
    <p:sldId id="258" r:id="rId7"/>
  </p:sldIdLst>
  <p:sldSz cx="9144000" cy="6858000" type="screen4x3"/>
  <p:notesSz cx="6858000" cy="9144000"/>
  <p:defaultTextStyle>
    <a:defPPr>
      <a:defRPr lang="en-US"/>
    </a:defPPr>
    <a:lvl1pPr marL="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clrMru>
    <a:srgbClr val="568462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>
    <p:restoredLeft sz="15620"/>
    <p:restoredTop sz="94660"/>
  </p:normalViewPr>
  <p:slideViewPr>
    <p:cSldViewPr>
      <p:cViewPr varScale="1">
        <p:scale>
          <a:sx n="93" d="100"/>
          <a:sy n="93" d="100"/>
        </p:scale>
        <p:origin x="-504" y="-96"/>
      </p:cViewPr>
      <p:guideLst>
        <p:guide orient="horz" pos="2160"/>
        <p:guide pos="2880"/>
      </p:guideLst>
    </p:cSldViewPr>
  </p:slideViewPr>
  <p:notesTextViewPr>
    <p:cViewPr>
      <p:scale>
        <a:sx n="1" d="1"/>
        <a:sy n="1" d="1"/>
      </p:scale>
      <p:origin x="0" y="0"/>
    </p:cViewPr>
  </p:notesTextViewPr>
  <p:gridSpacing cx="76200" cy="76200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presProps" Target="presProps.xml"/><Relationship Id="rId3" Type="http://schemas.openxmlformats.org/officeDocument/2006/relationships/customXml" Target="../customXml/item3.xml"/><Relationship Id="rId7" Type="http://schemas.openxmlformats.org/officeDocument/2006/relationships/slide" Target="slides/slide2.xml"/><Relationship Id="rId2" Type="http://schemas.openxmlformats.org/officeDocument/2006/relationships/customXml" Target="../customXml/item2.xml"/><Relationship Id="rId1" Type="http://schemas.openxmlformats.org/officeDocument/2006/relationships/customXml" Target="../customXml/item1.xml"/><Relationship Id="rId6" Type="http://schemas.openxmlformats.org/officeDocument/2006/relationships/slide" Target="slides/slide1.xml"/><Relationship Id="rId11" Type="http://schemas.openxmlformats.org/officeDocument/2006/relationships/tableStyles" Target="tableStyles.xml"/><Relationship Id="rId5" Type="http://schemas.openxmlformats.org/officeDocument/2006/relationships/slideMaster" Target="slideMasters/slideMaster1.xml"/><Relationship Id="rId10" Type="http://schemas.openxmlformats.org/officeDocument/2006/relationships/theme" Target="theme/theme1.xml"/><Relationship Id="rId4" Type="http://schemas.openxmlformats.org/officeDocument/2006/relationships/customXml" Target="../customXml/item4.xml"/><Relationship Id="rId9" Type="http://schemas.openxmlformats.org/officeDocument/2006/relationships/viewProps" Target="viewProps.xml"/></Relationship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3" name="Group 42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4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0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5" name="Rectangle 11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6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7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1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5" name="Rectangle 84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11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1" name="Rectangle 80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5" name="Freeform 44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Freeform 51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Freeform 57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Freeform 67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Freeform 68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 w="22225"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47" name="Rectangle 46"/>
          <p:cNvSpPr/>
          <p:nvPr/>
        </p:nvSpPr>
        <p:spPr>
          <a:xfrm>
            <a:off x="4649096" y="-21511"/>
            <a:ext cx="3505200" cy="2312889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4733365" y="2708476"/>
            <a:ext cx="3313355" cy="1702160"/>
          </a:xfrm>
        </p:spPr>
        <p:txBody>
          <a:bodyPr>
            <a:normAutofit/>
          </a:bodyPr>
          <a:lstStyle>
            <a:lvl1pPr>
              <a:defRPr sz="3600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4733365" y="4421080"/>
            <a:ext cx="3309803" cy="1260629"/>
          </a:xfrm>
        </p:spPr>
        <p:txBody>
          <a:bodyPr>
            <a:normAutofit/>
          </a:bodyPr>
          <a:lstStyle>
            <a:lvl1pPr marL="0" indent="0" algn="l">
              <a:buNone/>
              <a:defRPr sz="1800">
                <a:solidFill>
                  <a:srgbClr val="424242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4738744" y="1516828"/>
            <a:ext cx="2133600" cy="750981"/>
          </a:xfrm>
          <a:prstGeom prst="rect">
            <a:avLst/>
          </a:prstGeom>
        </p:spPr>
        <p:txBody>
          <a:bodyPr anchor="b"/>
          <a:lstStyle>
            <a:lvl1pPr algn="l">
              <a:defRPr sz="2400"/>
            </a:lvl1pPr>
          </a:lstStyle>
          <a:p>
            <a:fld id="{18BDCBA6-01D5-45BC-82C4-8C57D063C924}" type="datetimeFigureOut">
              <a:rPr lang="en-US" smtClean="0">
                <a:solidFill>
                  <a:prstClr val="black"/>
                </a:solidFill>
              </a:rPr>
              <a:pPr/>
              <a:t>8/28/2015</a:t>
            </a:fld>
            <a:endParaRPr lang="en-US">
              <a:solidFill>
                <a:prstClr val="black"/>
              </a:solidFill>
            </a:endParaRPr>
          </a:p>
        </p:txBody>
      </p:sp>
      <p:sp>
        <p:nvSpPr>
          <p:cNvPr id="50" name="Rectangle 49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chemeClr val="accent1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5303520" y="5719966"/>
            <a:ext cx="2831592" cy="365125"/>
          </a:xfrm>
        </p:spPr>
        <p:txBody>
          <a:bodyPr>
            <a:normAutofit/>
          </a:bodyPr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5719966"/>
            <a:ext cx="643666" cy="365125"/>
          </a:xfrm>
          <a:prstGeom prst="rect">
            <a:avLst/>
          </a:prstGeom>
        </p:spPr>
        <p:txBody>
          <a:bodyPr/>
          <a:lstStyle>
            <a:lvl1pPr>
              <a:defRPr>
                <a:solidFill>
                  <a:schemeClr val="tx1"/>
                </a:solidFill>
              </a:defRPr>
            </a:lvl1pPr>
          </a:lstStyle>
          <a:p>
            <a:fld id="{F56CF9B5-E247-4049-97D9-8791F95C9C9E}" type="slidenum">
              <a:rPr lang="en-US" smtClean="0">
                <a:solidFill>
                  <a:prstClr val="black"/>
                </a:solidFill>
              </a:rPr>
              <a:pPr/>
              <a:t>‹#›</a:t>
            </a:fld>
            <a:endParaRPr lang="en-US" dirty="0">
              <a:solidFill>
                <a:prstClr val="black"/>
              </a:solidFill>
            </a:endParaRPr>
          </a:p>
        </p:txBody>
      </p:sp>
      <p:sp>
        <p:nvSpPr>
          <p:cNvPr id="89" name="Rectangle 88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55284443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1892228600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629400" y="1030147"/>
            <a:ext cx="1484453" cy="4780344"/>
          </a:xfrm>
        </p:spPr>
        <p:txBody>
          <a:bodyPr vert="eaVert" anchor="ctr"/>
          <a:lstStyle/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1053296" y="1030147"/>
            <a:ext cx="5423704" cy="4780344"/>
          </a:xfrm>
        </p:spPr>
        <p:txBody>
          <a:bodyPr vert="eaVert"/>
          <a:lstStyle/>
          <a:p>
            <a:pPr lvl="0"/>
            <a:r>
              <a:rPr lang="en-US" smtClean="0"/>
              <a:t>Click to 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00452726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762000"/>
            <a:ext cx="7024744" cy="646664"/>
          </a:xfrm>
        </p:spPr>
        <p:txBody>
          <a:bodyPr/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043492" y="1672623"/>
            <a:ext cx="6777317" cy="3508977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7" name="Picture 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867719095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258645" y="2900829"/>
            <a:ext cx="6637468" cy="1362075"/>
          </a:xfrm>
        </p:spPr>
        <p:txBody>
          <a:bodyPr anchor="b"/>
          <a:lstStyle>
            <a:lvl1pPr algn="l">
              <a:defRPr sz="4000" b="0" cap="none" baseline="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258645" y="4267200"/>
            <a:ext cx="6637467" cy="1520413"/>
          </a:xfrm>
        </p:spPr>
        <p:txBody>
          <a:bodyPr anchor="t"/>
          <a:lstStyle>
            <a:lvl1pPr marL="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242852"/>
                </a:solidFill>
              </a:rPr>
              <a:pPr/>
              <a:t>8/28/2015</a:t>
            </a:fld>
            <a:endParaRPr lang="en-US">
              <a:solidFill>
                <a:srgbClr val="242852"/>
              </a:solidFill>
            </a:endParaRPr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242852"/>
                </a:solidFill>
              </a:rPr>
              <a:pPr/>
              <a:t>‹#›</a:t>
            </a:fld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44549798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1043490" y="762000"/>
            <a:ext cx="7024744" cy="646664"/>
          </a:xfrm>
        </p:spPr>
        <p:txBody>
          <a:bodyPr/>
          <a:lstStyle>
            <a:lvl1pPr>
              <a:defRPr lang="en-US" sz="3400" b="1" kern="1200" dirty="0">
                <a:solidFill>
                  <a:schemeClr val="tx1"/>
                </a:solidFill>
                <a:latin typeface="+mj-lt"/>
                <a:ea typeface="+mj-ea"/>
                <a:cs typeface="+mj-cs"/>
              </a:defRPr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9" name="Content Placeholder 8"/>
          <p:cNvSpPr>
            <a:spLocks noGrp="1"/>
          </p:cNvSpPr>
          <p:nvPr>
            <p:ph sz="quarter" idx="13"/>
          </p:nvPr>
        </p:nvSpPr>
        <p:spPr>
          <a:xfrm>
            <a:off x="1066800" y="1828800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11" name="Content Placeholder 10"/>
          <p:cNvSpPr>
            <a:spLocks noGrp="1"/>
          </p:cNvSpPr>
          <p:nvPr>
            <p:ph sz="quarter" idx="14"/>
          </p:nvPr>
        </p:nvSpPr>
        <p:spPr>
          <a:xfrm>
            <a:off x="4645152" y="1840992"/>
            <a:ext cx="3419856" cy="3493008"/>
          </a:xfrm>
        </p:spPr>
        <p:txBody>
          <a:bodyPr/>
          <a:lstStyle>
            <a:lvl2pPr marL="640080" indent="-274320">
              <a:buFont typeface="Wingdings" panose="05000000000000000000" pitchFamily="2" charset="2"/>
              <a:buChar char="q"/>
              <a:defRPr/>
            </a:lvl2pPr>
            <a:lvl3pPr marL="914400" indent="-228600">
              <a:buFont typeface="Wingdings" panose="05000000000000000000" pitchFamily="2" charset="2"/>
              <a:buChar char="Ø"/>
              <a:defRPr/>
            </a:lvl3pPr>
            <a:lvl4pPr marL="1124712" indent="-228600">
              <a:buFont typeface="Courier New" panose="02070309020205020404" pitchFamily="49" charset="0"/>
              <a:buChar char="o"/>
              <a:defRPr/>
            </a:lvl4pPr>
            <a:lvl5pPr marL="1325880" indent="-228600">
              <a:buFont typeface="Wingdings" panose="05000000000000000000" pitchFamily="2" charset="2"/>
              <a:buChar char="v"/>
              <a:defRPr/>
            </a:lvl5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4518016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14400" y="8382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412111" y="1752600"/>
            <a:ext cx="3057148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1041721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5011837" y="1752600"/>
            <a:ext cx="3055717" cy="639762"/>
          </a:xfrm>
        </p:spPr>
        <p:txBody>
          <a:bodyPr anchor="b"/>
          <a:lstStyle>
            <a:lvl1pPr marL="0" indent="0">
              <a:buNone/>
              <a:defRPr sz="2400" b="1">
                <a:solidFill>
                  <a:schemeClr val="tx1"/>
                </a:solidFill>
              </a:defRPr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dirty="0" smtClean="0"/>
              <a:t>Click to 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57344" y="2422003"/>
            <a:ext cx="3419856" cy="2835797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000"/>
            </a:lvl2pPr>
            <a:lvl3pPr marL="914400" indent="-228600">
              <a:buFont typeface="Wingdings" panose="05000000000000000000" pitchFamily="2" charset="2"/>
              <a:buChar char="Ø"/>
              <a:defRPr sz="1800"/>
            </a:lvl3pPr>
            <a:lvl4pPr marL="1124712" indent="-228600">
              <a:buFont typeface="Courier New" panose="02070309020205020404" pitchFamily="49" charset="0"/>
              <a:buChar char="o"/>
              <a:defRPr sz="16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1600"/>
            </a:lvl6pPr>
            <a:lvl7pPr>
              <a:defRPr sz="1600"/>
            </a:lvl7pPr>
            <a:lvl8pPr>
              <a:defRPr sz="1600"/>
            </a:lvl8pPr>
            <a:lvl9pPr>
              <a:defRPr sz="16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220544044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990600" y="762000"/>
            <a:ext cx="7024744" cy="646664"/>
          </a:xfrm>
        </p:spPr>
        <p:txBody>
          <a:bodyPr>
            <a:normAutofit/>
          </a:bodyPr>
          <a:lstStyle>
            <a:lvl1pPr>
              <a:defRPr sz="3400" b="1"/>
            </a:lvl1pPr>
          </a:lstStyle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" name="Picture 5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156124686"/>
      </p:ext>
    </p:extLst>
  </p:cSld>
  <p:clrMapOvr>
    <a:masterClrMapping/>
  </p:clrMapOvr>
  <p:timing>
    <p:tnLst>
      <p:par>
        <p:cTn id="1" dur="indefinite" restart="never" nodeType="tmRoot"/>
      </p:par>
    </p:tnLst>
  </p:timing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5" name="Picture 4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165269955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2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3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4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78" name="Rectangle 77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79" name="Rectangle 78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0" name="Rectangle 79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5" name="Rectangle 74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6" name="Rectangle 75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7" name="Rectangle 76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7" name="Freeform 46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Freeform 50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Hexagon 54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Freeform 58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Hexagon 62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Freeform 69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Freeform 70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46" name="Rectangle 45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7" name="Rectangle 56"/>
          <p:cNvSpPr/>
          <p:nvPr userDrawn="1"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58" name="Rectangle 57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chemeClr val="bg1"/>
          </a:solidFill>
          <a:ln w="3175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1145894" y="856527"/>
            <a:ext cx="3090440" cy="5150734"/>
          </a:xfrm>
        </p:spPr>
        <p:txBody>
          <a:bodyPr/>
          <a:lstStyle>
            <a:lvl1pPr>
              <a:defRPr sz="2400"/>
            </a:lvl1pPr>
            <a:lvl2pPr marL="640080" indent="-274320">
              <a:buFont typeface="Wingdings" panose="05000000000000000000" pitchFamily="2" charset="2"/>
              <a:buChar char="q"/>
              <a:defRPr sz="2200"/>
            </a:lvl2pPr>
            <a:lvl3pPr marL="914400" indent="-228600">
              <a:buFont typeface="Wingdings" panose="05000000000000000000" pitchFamily="2" charset="2"/>
              <a:buChar char="Ø"/>
              <a:defRPr sz="2000"/>
            </a:lvl3pPr>
            <a:lvl4pPr marL="1124712" indent="-228600">
              <a:buFont typeface="Courier New" panose="02070309020205020404" pitchFamily="49" charset="0"/>
              <a:buChar char="o"/>
              <a:defRPr sz="1800"/>
            </a:lvl4pPr>
            <a:lvl5pPr marL="1325880" indent="-228600">
              <a:buFont typeface="Wingdings" panose="05000000000000000000" pitchFamily="2" charset="2"/>
              <a:buChar char="v"/>
              <a:defRPr sz="16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61" name="Rectangle 60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7550"/>
          </a:solidFill>
          <a:ln>
            <a:solidFill>
              <a:srgbClr val="006C3E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242852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9833" y="2657434"/>
            <a:ext cx="3304572" cy="1463153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6592" y="4136994"/>
            <a:ext cx="3298784" cy="1517904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pic>
        <p:nvPicPr>
          <p:cNvPr id="87" name="Picture 86"/>
          <p:cNvPicPr>
            <a:picLocks noChangeAspect="1"/>
          </p:cNvPicPr>
          <p:nvPr userDrawn="1"/>
        </p:nvPicPr>
        <p:blipFill>
          <a:blip r:embed="rId2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604688564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4" name="Group 43"/>
          <p:cNvGrpSpPr/>
          <p:nvPr/>
        </p:nvGrpSpPr>
        <p:grpSpPr>
          <a:xfrm>
            <a:off x="-382404" y="0"/>
            <a:ext cx="9932332" cy="6858000"/>
            <a:chOff x="-382404" y="0"/>
            <a:chExt cx="9932332" cy="6858000"/>
          </a:xfrm>
        </p:grpSpPr>
        <p:grpSp>
          <p:nvGrpSpPr>
            <p:cNvPr id="45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75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87" name="Rectangle 8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8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9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6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84" name="Rectangle 83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5" name="Rectangle 84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6" name="Rectangle 85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77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81" name="Rectangle 80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2" name="Rectangle 81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83" name="Rectangle 82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78" name="Rectangle 77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79" name="Rectangle 78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80" name="Rectangle 79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6" name="Freeform 45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8" name="Freeform 47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Freeform 49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1" name="Hexagon 60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2" name="Hexagon 61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3" name="Freeform 62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4" name="Hexagon 63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5" name="Hexagon 64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6" name="Hexagon 65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7" name="Hexagon 66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8" name="Hexagon 67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9" name="Hexagon 68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0" name="Hexagon 69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1" name="Hexagon 70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2" name="Hexagon 71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3" name="Freeform 72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74" name="Freeform 73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94" name="Rectangle 93"/>
          <p:cNvSpPr/>
          <p:nvPr/>
        </p:nvSpPr>
        <p:spPr>
          <a:xfrm>
            <a:off x="4561242" y="-21511"/>
            <a:ext cx="3679116" cy="6271840"/>
          </a:xfrm>
          <a:prstGeom prst="rect">
            <a:avLst/>
          </a:prstGeom>
          <a:solidFill>
            <a:srgbClr val="F5F5F5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1" name="Rectangle 10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2" name="Rectangle 101"/>
          <p:cNvSpPr/>
          <p:nvPr/>
        </p:nvSpPr>
        <p:spPr>
          <a:xfrm>
            <a:off x="905571" y="601883"/>
            <a:ext cx="3562257" cy="5648445"/>
          </a:xfrm>
          <a:prstGeom prst="rect">
            <a:avLst/>
          </a:prstGeom>
          <a:solidFill>
            <a:srgbClr val="FFFFFF"/>
          </a:solidFill>
          <a:ln w="3175">
            <a:solidFill>
              <a:schemeClr val="tx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105" name="Rectangle 104"/>
          <p:cNvSpPr/>
          <p:nvPr/>
        </p:nvSpPr>
        <p:spPr>
          <a:xfrm>
            <a:off x="4650889" y="6088284"/>
            <a:ext cx="3505200" cy="81740"/>
          </a:xfrm>
          <a:prstGeom prst="rect">
            <a:avLst/>
          </a:prstGeom>
          <a:solidFill>
            <a:srgbClr val="006445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4734424" y="2660904"/>
            <a:ext cx="3300984" cy="146304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en-US" smtClean="0"/>
              <a:t>Click to edit Master title style</a:t>
            </a:r>
            <a:endParaRPr lang="en-US"/>
          </a:p>
        </p:txBody>
      </p:sp>
      <p:sp>
        <p:nvSpPr>
          <p:cNvPr id="3" name="Picture Placeholder 2"/>
          <p:cNvSpPr>
            <a:spLocks noGrp="1"/>
          </p:cNvSpPr>
          <p:nvPr>
            <p:ph type="pic" idx="1"/>
          </p:nvPr>
        </p:nvSpPr>
        <p:spPr>
          <a:xfrm>
            <a:off x="1005208" y="693795"/>
            <a:ext cx="3359623" cy="5468112"/>
          </a:xfrm>
        </p:spPr>
        <p:txBody>
          <a:bodyPr/>
          <a:lstStyle>
            <a:lvl1pPr marL="0" indent="0">
              <a:buNone/>
              <a:defRPr sz="3200">
                <a:solidFill>
                  <a:schemeClr val="tx1"/>
                </a:solidFill>
              </a:defRPr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dirty="0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4734630" y="4133088"/>
            <a:ext cx="3300573" cy="1519561"/>
          </a:xfrm>
        </p:spPr>
        <p:txBody>
          <a:bodyPr>
            <a:normAutofit/>
          </a:bodyPr>
          <a:lstStyle>
            <a:lvl1pPr marL="0" indent="0">
              <a:buNone/>
              <a:defRPr sz="1600">
                <a:solidFill>
                  <a:srgbClr val="424242"/>
                </a:solidFill>
              </a:defRPr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en-US" smtClean="0"/>
              <a:t>Click to 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>
          <a:xfrm>
            <a:off x="5997388" y="224492"/>
            <a:ext cx="2133600" cy="365125"/>
          </a:xfrm>
          <a:prstGeom prst="rect">
            <a:avLst/>
          </a:prstGeom>
        </p:spPr>
        <p:txBody>
          <a:bodyPr/>
          <a:lstStyle/>
          <a:p>
            <a:fld id="{18BDCBA6-01D5-45BC-82C4-8C57D063C924}" type="datetimeFigureOut">
              <a:rPr lang="en-US">
                <a:solidFill>
                  <a:srgbClr val="ACCBF9"/>
                </a:solidFill>
              </a:rPr>
              <a:pPr/>
              <a:t>8/28/2015</a:t>
            </a:fld>
            <a:endParaRPr lang="en-US">
              <a:solidFill>
                <a:srgbClr val="ACCBF9"/>
              </a:solidFill>
            </a:endParaRP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>
          <a:xfrm>
            <a:off x="4641448" y="5724835"/>
            <a:ext cx="3493664" cy="365125"/>
          </a:xfrm>
        </p:spPr>
        <p:txBody>
          <a:bodyPr>
            <a:normAutofit/>
          </a:bodyPr>
          <a:lstStyle/>
          <a:p>
            <a:endParaRPr lang="en-US">
              <a:solidFill>
                <a:srgbClr val="ACCBF9"/>
              </a:solidFill>
            </a:endParaRPr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>
          <a:xfrm>
            <a:off x="4649096" y="224491"/>
            <a:ext cx="1332156" cy="365125"/>
          </a:xfrm>
          <a:prstGeom prst="rect">
            <a:avLst/>
          </a:prstGeom>
        </p:spPr>
        <p:txBody>
          <a:bodyPr/>
          <a:lstStyle/>
          <a:p>
            <a:fld id="{F56CF9B5-E247-4049-97D9-8791F95C9C9E}" type="slidenum">
              <a:rPr lang="en-US">
                <a:solidFill>
                  <a:srgbClr val="ACCBF9"/>
                </a:solidFill>
              </a:rPr>
              <a:pPr/>
              <a:t>‹#›</a:t>
            </a:fld>
            <a:endParaRPr lang="en-US">
              <a:solidFill>
                <a:srgbClr val="ACCBF9"/>
              </a:solidFill>
            </a:endParaRPr>
          </a:p>
        </p:txBody>
      </p:sp>
    </p:spTree>
    <p:extLst>
      <p:ext uri="{BB962C8B-B14F-4D97-AF65-F5344CB8AC3E}">
        <p14:creationId xmlns:p14="http://schemas.microsoft.com/office/powerpoint/2010/main" val="2573530422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image" Target="../media/image2.png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theme" Target="../theme/theme1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Pr>
        <a:gradFill flip="none" rotWithShape="1">
          <a:gsLst>
            <a:gs pos="0">
              <a:srgbClr val="006445"/>
            </a:gs>
            <a:gs pos="62000">
              <a:srgbClr val="006C3E"/>
            </a:gs>
            <a:gs pos="100000">
              <a:srgbClr val="007550"/>
            </a:gs>
          </a:gsLst>
          <a:lin ang="5400000" scaled="0"/>
          <a:tileRect/>
        </a:gradFill>
        <a:effectLst/>
      </p:bgPr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grpSp>
        <p:nvGrpSpPr>
          <p:cNvPr id="42" name="Group 41"/>
          <p:cNvGrpSpPr/>
          <p:nvPr/>
        </p:nvGrpSpPr>
        <p:grpSpPr>
          <a:xfrm>
            <a:off x="-304800" y="0"/>
            <a:ext cx="9932332" cy="6858000"/>
            <a:chOff x="-382404" y="0"/>
            <a:chExt cx="9932332" cy="6858000"/>
          </a:xfrm>
        </p:grpSpPr>
        <p:grpSp>
          <p:nvGrpSpPr>
            <p:cNvPr id="43" name="Group 44"/>
            <p:cNvGrpSpPr/>
            <p:nvPr/>
          </p:nvGrpSpPr>
          <p:grpSpPr>
            <a:xfrm>
              <a:off x="0" y="0"/>
              <a:ext cx="9144000" cy="6858000"/>
              <a:chOff x="0" y="0"/>
              <a:chExt cx="9144000" cy="6858000"/>
            </a:xfrm>
          </p:grpSpPr>
          <p:grpSp>
            <p:nvGrpSpPr>
              <p:cNvPr id="101" name="Group 4"/>
              <p:cNvGrpSpPr/>
              <p:nvPr/>
            </p:nvGrpSpPr>
            <p:grpSpPr>
              <a:xfrm>
                <a:off x="0" y="0"/>
                <a:ext cx="2514600" cy="6858000"/>
                <a:chOff x="0" y="0"/>
                <a:chExt cx="2514600" cy="6858000"/>
              </a:xfrm>
            </p:grpSpPr>
            <p:sp>
              <p:nvSpPr>
                <p:cNvPr id="113" name="Rectangle 112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4" name="Rectangle 2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5" name="Rectangle 3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2" name="Group 5"/>
              <p:cNvGrpSpPr/>
              <p:nvPr/>
            </p:nvGrpSpPr>
            <p:grpSpPr>
              <a:xfrm>
                <a:off x="422910" y="0"/>
                <a:ext cx="2514600" cy="6858000"/>
                <a:chOff x="0" y="0"/>
                <a:chExt cx="2514600" cy="6858000"/>
              </a:xfrm>
            </p:grpSpPr>
            <p:sp>
              <p:nvSpPr>
                <p:cNvPr id="110" name="Rectangle 109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1" name="Rectangle 110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12" name="Rectangle 111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grpSp>
            <p:nvGrpSpPr>
              <p:cNvPr id="103" name="Group 9"/>
              <p:cNvGrpSpPr/>
              <p:nvPr/>
            </p:nvGrpSpPr>
            <p:grpSpPr>
              <a:xfrm rot="10800000">
                <a:off x="6629400" y="0"/>
                <a:ext cx="2514600" cy="6858000"/>
                <a:chOff x="0" y="0"/>
                <a:chExt cx="2514600" cy="6858000"/>
              </a:xfrm>
            </p:grpSpPr>
            <p:sp>
              <p:nvSpPr>
                <p:cNvPr id="107" name="Rectangle 106"/>
                <p:cNvSpPr/>
                <p:nvPr/>
              </p:nvSpPr>
              <p:spPr>
                <a:xfrm>
                  <a:off x="914400" y="0"/>
                  <a:ext cx="1600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8" name="Rectangle 107"/>
                <p:cNvSpPr/>
                <p:nvPr/>
              </p:nvSpPr>
              <p:spPr>
                <a:xfrm>
                  <a:off x="0" y="0"/>
                  <a:ext cx="4572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  <p:sp>
              <p:nvSpPr>
                <p:cNvPr id="109" name="Rectangle 108"/>
                <p:cNvSpPr/>
                <p:nvPr/>
              </p:nvSpPr>
              <p:spPr>
                <a:xfrm>
                  <a:off x="228600" y="0"/>
                  <a:ext cx="762000" cy="6858000"/>
                </a:xfrm>
                <a:prstGeom prst="rect">
                  <a:avLst/>
                </a:prstGeom>
                <a:solidFill>
                  <a:schemeClr val="bg1">
                    <a:alpha val="10000"/>
                  </a:schemeClr>
                </a:solidFill>
                <a:ln>
                  <a:noFill/>
                </a:ln>
              </p:spPr>
              <p:style>
                <a:lnRef idx="2">
                  <a:schemeClr val="accent1">
                    <a:shade val="50000"/>
                  </a:schemeClr>
                </a:lnRef>
                <a:fillRef idx="1">
                  <a:schemeClr val="accent1"/>
                </a:fillRef>
                <a:effectRef idx="0">
                  <a:schemeClr val="accent1"/>
                </a:effectRef>
                <a:fontRef idx="minor">
                  <a:schemeClr val="lt1"/>
                </a:fontRef>
              </p:style>
              <p:txBody>
                <a:bodyPr rtlCol="0" anchor="ctr"/>
                <a:lstStyle/>
                <a:p>
                  <a:pPr algn="ctr"/>
                  <a:endParaRPr lang="en-US">
                    <a:solidFill>
                      <a:prstClr val="white"/>
                    </a:solidFill>
                  </a:endParaRPr>
                </a:p>
              </p:txBody>
            </p:sp>
          </p:grpSp>
          <p:sp>
            <p:nvSpPr>
              <p:cNvPr id="104" name="Rectangle 103"/>
              <p:cNvSpPr/>
              <p:nvPr/>
            </p:nvSpPr>
            <p:spPr>
              <a:xfrm>
                <a:off x="3810000" y="0"/>
                <a:ext cx="28194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5" name="Rectangle 104"/>
              <p:cNvSpPr/>
              <p:nvPr/>
            </p:nvSpPr>
            <p:spPr>
              <a:xfrm>
                <a:off x="2895600" y="0"/>
                <a:ext cx="4572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  <p:sp>
            <p:nvSpPr>
              <p:cNvPr id="106" name="Rectangle 105"/>
              <p:cNvSpPr/>
              <p:nvPr/>
            </p:nvSpPr>
            <p:spPr>
              <a:xfrm>
                <a:off x="3124200" y="0"/>
                <a:ext cx="762000" cy="6858000"/>
              </a:xfrm>
              <a:prstGeom prst="rect">
                <a:avLst/>
              </a:prstGeom>
              <a:solidFill>
                <a:schemeClr val="bg1">
                  <a:alpha val="10000"/>
                </a:schemeClr>
              </a:solidFill>
              <a:ln>
                <a:noFill/>
              </a:ln>
            </p:spPr>
            <p:style>
              <a:lnRef idx="2">
                <a:schemeClr val="accent1">
                  <a:shade val="50000"/>
                </a:schemeClr>
              </a:lnRef>
              <a:fillRef idx="1">
                <a:schemeClr val="accent1"/>
              </a:fillRef>
              <a:effectRef idx="0">
                <a:schemeClr val="accent1"/>
              </a:effectRef>
              <a:fontRef idx="minor">
                <a:schemeClr val="lt1"/>
              </a:fontRef>
            </p:style>
            <p:txBody>
              <a:bodyPr rtlCol="0" anchor="ctr"/>
              <a:lstStyle/>
              <a:p>
                <a:pPr algn="ctr"/>
                <a:endParaRPr lang="en-US">
                  <a:solidFill>
                    <a:prstClr val="white"/>
                  </a:solidFill>
                </a:endParaRPr>
              </a:p>
            </p:txBody>
          </p:sp>
        </p:grpSp>
        <p:sp>
          <p:nvSpPr>
            <p:cNvPr id="44" name="Freeform 43"/>
            <p:cNvSpPr/>
            <p:nvPr/>
          </p:nvSpPr>
          <p:spPr>
            <a:xfrm>
              <a:off x="-11875" y="5035138"/>
              <a:ext cx="9144000" cy="1175655"/>
            </a:xfrm>
            <a:custGeom>
              <a:avLst/>
              <a:gdLst>
                <a:gd name="connsiteX0" fmla="*/ 0 w 9144000"/>
                <a:gd name="connsiteY0" fmla="*/ 1116280 h 1175656"/>
                <a:gd name="connsiteX1" fmla="*/ 1674420 w 9144000"/>
                <a:gd name="connsiteY1" fmla="*/ 1163781 h 1175656"/>
                <a:gd name="connsiteX2" fmla="*/ 4120737 w 9144000"/>
                <a:gd name="connsiteY2" fmla="*/ 1045028 h 1175656"/>
                <a:gd name="connsiteX3" fmla="*/ 7172696 w 9144000"/>
                <a:gd name="connsiteY3" fmla="*/ 605641 h 1175656"/>
                <a:gd name="connsiteX4" fmla="*/ 9144000 w 9144000"/>
                <a:gd name="connsiteY4" fmla="*/ 0 h 1175656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270659 h 1330035"/>
                <a:gd name="connsiteX1" fmla="*/ 1674420 w 9144000"/>
                <a:gd name="connsiteY1" fmla="*/ 1318160 h 1330035"/>
                <a:gd name="connsiteX2" fmla="*/ 4120737 w 9144000"/>
                <a:gd name="connsiteY2" fmla="*/ 1199407 h 1330035"/>
                <a:gd name="connsiteX3" fmla="*/ 7172696 w 9144000"/>
                <a:gd name="connsiteY3" fmla="*/ 760020 h 1330035"/>
                <a:gd name="connsiteX4" fmla="*/ 9144000 w 9144000"/>
                <a:gd name="connsiteY4" fmla="*/ 0 h 1330035"/>
                <a:gd name="connsiteX0" fmla="*/ 0 w 9144000"/>
                <a:gd name="connsiteY0" fmla="*/ 1116279 h 1175655"/>
                <a:gd name="connsiteX1" fmla="*/ 1674420 w 9144000"/>
                <a:gd name="connsiteY1" fmla="*/ 1163780 h 1175655"/>
                <a:gd name="connsiteX2" fmla="*/ 4120737 w 9144000"/>
                <a:gd name="connsiteY2" fmla="*/ 1045027 h 1175655"/>
                <a:gd name="connsiteX3" fmla="*/ 7172696 w 9144000"/>
                <a:gd name="connsiteY3" fmla="*/ 605640 h 1175655"/>
                <a:gd name="connsiteX4" fmla="*/ 9144000 w 9144000"/>
                <a:gd name="connsiteY4" fmla="*/ 0 h 1175655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1175655">
                  <a:moveTo>
                    <a:pt x="0" y="1116279"/>
                  </a:moveTo>
                  <a:cubicBezTo>
                    <a:pt x="493815" y="1145967"/>
                    <a:pt x="987631" y="1175655"/>
                    <a:pt x="1674420" y="1163780"/>
                  </a:cubicBezTo>
                  <a:cubicBezTo>
                    <a:pt x="2361209" y="1151905"/>
                    <a:pt x="3204358" y="1138050"/>
                    <a:pt x="4120737" y="1045027"/>
                  </a:cubicBezTo>
                  <a:cubicBezTo>
                    <a:pt x="5037116" y="952004"/>
                    <a:pt x="6335486" y="779811"/>
                    <a:pt x="7172696" y="605640"/>
                  </a:cubicBezTo>
                  <a:cubicBezTo>
                    <a:pt x="8009907" y="431469"/>
                    <a:pt x="8866910" y="154379"/>
                    <a:pt x="9144000" y="0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5" name="Freeform 44"/>
            <p:cNvSpPr/>
            <p:nvPr/>
          </p:nvSpPr>
          <p:spPr>
            <a:xfrm>
              <a:off x="-11875" y="3467595"/>
              <a:ext cx="9144000" cy="890650"/>
            </a:xfrm>
            <a:custGeom>
              <a:avLst/>
              <a:gdLst>
                <a:gd name="connsiteX0" fmla="*/ 0 w 9144000"/>
                <a:gd name="connsiteY0" fmla="*/ 890650 h 890650"/>
                <a:gd name="connsiteX1" fmla="*/ 1045028 w 9144000"/>
                <a:gd name="connsiteY1" fmla="*/ 475013 h 890650"/>
                <a:gd name="connsiteX2" fmla="*/ 3111335 w 9144000"/>
                <a:gd name="connsiteY2" fmla="*/ 71252 h 890650"/>
                <a:gd name="connsiteX3" fmla="*/ 5913911 w 9144000"/>
                <a:gd name="connsiteY3" fmla="*/ 71252 h 890650"/>
                <a:gd name="connsiteX4" fmla="*/ 9144000 w 9144000"/>
                <a:gd name="connsiteY4" fmla="*/ 498764 h 890650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</a:cxnLst>
              <a:rect l="l" t="t" r="r" b="b"/>
              <a:pathLst>
                <a:path w="9144000" h="890650">
                  <a:moveTo>
                    <a:pt x="0" y="890650"/>
                  </a:moveTo>
                  <a:cubicBezTo>
                    <a:pt x="263236" y="751114"/>
                    <a:pt x="526472" y="611579"/>
                    <a:pt x="1045028" y="475013"/>
                  </a:cubicBezTo>
                  <a:cubicBezTo>
                    <a:pt x="1563584" y="338447"/>
                    <a:pt x="2299855" y="138545"/>
                    <a:pt x="3111335" y="71252"/>
                  </a:cubicBezTo>
                  <a:cubicBezTo>
                    <a:pt x="3922815" y="3959"/>
                    <a:pt x="4908467" y="0"/>
                    <a:pt x="5913911" y="71252"/>
                  </a:cubicBezTo>
                  <a:cubicBezTo>
                    <a:pt x="6919355" y="142504"/>
                    <a:pt x="8595756" y="427512"/>
                    <a:pt x="9144000" y="498764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6" name="Freeform 45"/>
            <p:cNvSpPr/>
            <p:nvPr/>
          </p:nvSpPr>
          <p:spPr>
            <a:xfrm>
              <a:off x="-23751" y="5640779"/>
              <a:ext cx="3004457" cy="1211283"/>
            </a:xfrm>
            <a:custGeom>
              <a:avLst/>
              <a:gdLst>
                <a:gd name="connsiteX0" fmla="*/ 0 w 3004457"/>
                <a:gd name="connsiteY0" fmla="*/ 0 h 1211283"/>
                <a:gd name="connsiteX1" fmla="*/ 3004457 w 3004457"/>
                <a:gd name="connsiteY1" fmla="*/ 1211283 h 1211283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</a:cxnLst>
              <a:rect l="l" t="t" r="r" b="b"/>
              <a:pathLst>
                <a:path w="3004457" h="1211283">
                  <a:moveTo>
                    <a:pt x="0" y="0"/>
                  </a:moveTo>
                  <a:cubicBezTo>
                    <a:pt x="1103415" y="501732"/>
                    <a:pt x="2206831" y="1003465"/>
                    <a:pt x="3004457" y="1211283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7" name="Freeform 46"/>
            <p:cNvSpPr/>
            <p:nvPr/>
          </p:nvSpPr>
          <p:spPr>
            <a:xfrm>
              <a:off x="-11875" y="5284519"/>
              <a:ext cx="9144000" cy="1478478"/>
            </a:xfrm>
            <a:custGeom>
              <a:avLst/>
              <a:gdLst>
                <a:gd name="connsiteX0" fmla="*/ 0 w 9144000"/>
                <a:gd name="connsiteY0" fmla="*/ 0 h 1478478"/>
                <a:gd name="connsiteX1" fmla="*/ 1104405 w 9144000"/>
                <a:gd name="connsiteY1" fmla="*/ 344385 h 1478478"/>
                <a:gd name="connsiteX2" fmla="*/ 3194462 w 9144000"/>
                <a:gd name="connsiteY2" fmla="*/ 866899 h 1478478"/>
                <a:gd name="connsiteX3" fmla="*/ 5676405 w 9144000"/>
                <a:gd name="connsiteY3" fmla="*/ 1282536 h 1478478"/>
                <a:gd name="connsiteX4" fmla="*/ 7730836 w 9144000"/>
                <a:gd name="connsiteY4" fmla="*/ 1448790 h 1478478"/>
                <a:gd name="connsiteX5" fmla="*/ 8573984 w 9144000"/>
                <a:gd name="connsiteY5" fmla="*/ 1460665 h 1478478"/>
                <a:gd name="connsiteX6" fmla="*/ 9144000 w 9144000"/>
                <a:gd name="connsiteY6" fmla="*/ 1425039 h 1478478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9144000" h="1478478">
                  <a:moveTo>
                    <a:pt x="0" y="0"/>
                  </a:moveTo>
                  <a:cubicBezTo>
                    <a:pt x="285997" y="99951"/>
                    <a:pt x="571995" y="199902"/>
                    <a:pt x="1104405" y="344385"/>
                  </a:cubicBezTo>
                  <a:cubicBezTo>
                    <a:pt x="1636815" y="488868"/>
                    <a:pt x="2432462" y="710541"/>
                    <a:pt x="3194462" y="866899"/>
                  </a:cubicBezTo>
                  <a:cubicBezTo>
                    <a:pt x="3956462" y="1023258"/>
                    <a:pt x="4920343" y="1185554"/>
                    <a:pt x="5676405" y="1282536"/>
                  </a:cubicBezTo>
                  <a:cubicBezTo>
                    <a:pt x="6432467" y="1379518"/>
                    <a:pt x="7247906" y="1419102"/>
                    <a:pt x="7730836" y="1448790"/>
                  </a:cubicBezTo>
                  <a:cubicBezTo>
                    <a:pt x="8213766" y="1478478"/>
                    <a:pt x="8338457" y="1464623"/>
                    <a:pt x="8573984" y="1460665"/>
                  </a:cubicBezTo>
                  <a:cubicBezTo>
                    <a:pt x="8809511" y="1456707"/>
                    <a:pt x="8976755" y="1440873"/>
                    <a:pt x="9144000" y="1425039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49" name="Freeform 48"/>
            <p:cNvSpPr/>
            <p:nvPr/>
          </p:nvSpPr>
          <p:spPr>
            <a:xfrm>
              <a:off x="2137558" y="5132120"/>
              <a:ext cx="6982691" cy="1719942"/>
            </a:xfrm>
            <a:custGeom>
              <a:avLst/>
              <a:gdLst>
                <a:gd name="connsiteX0" fmla="*/ 0 w 6982691"/>
                <a:gd name="connsiteY0" fmla="*/ 1719942 h 1719942"/>
                <a:gd name="connsiteX1" fmla="*/ 546265 w 6982691"/>
                <a:gd name="connsiteY1" fmla="*/ 1185553 h 1719942"/>
                <a:gd name="connsiteX2" fmla="*/ 1330037 w 6982691"/>
                <a:gd name="connsiteY2" fmla="*/ 710540 h 1719942"/>
                <a:gd name="connsiteX3" fmla="*/ 2078182 w 6982691"/>
                <a:gd name="connsiteY3" fmla="*/ 437407 h 1719942"/>
                <a:gd name="connsiteX4" fmla="*/ 3348842 w 6982691"/>
                <a:gd name="connsiteY4" fmla="*/ 152399 h 1719942"/>
                <a:gd name="connsiteX5" fmla="*/ 4001985 w 6982691"/>
                <a:gd name="connsiteY5" fmla="*/ 69272 h 1719942"/>
                <a:gd name="connsiteX6" fmla="*/ 5047013 w 6982691"/>
                <a:gd name="connsiteY6" fmla="*/ 9896 h 1719942"/>
                <a:gd name="connsiteX7" fmla="*/ 5890161 w 6982691"/>
                <a:gd name="connsiteY7" fmla="*/ 9896 h 1719942"/>
                <a:gd name="connsiteX8" fmla="*/ 6495803 w 6982691"/>
                <a:gd name="connsiteY8" fmla="*/ 9896 h 1719942"/>
                <a:gd name="connsiteX9" fmla="*/ 6899564 w 6982691"/>
                <a:gd name="connsiteY9" fmla="*/ 33646 h 1719942"/>
                <a:gd name="connsiteX10" fmla="*/ 6982691 w 6982691"/>
                <a:gd name="connsiteY10" fmla="*/ 45522 h 171994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  <a:cxn ang="0">
                  <a:pos x="connsiteX7" y="connsiteY7"/>
                </a:cxn>
                <a:cxn ang="0">
                  <a:pos x="connsiteX8" y="connsiteY8"/>
                </a:cxn>
                <a:cxn ang="0">
                  <a:pos x="connsiteX9" y="connsiteY9"/>
                </a:cxn>
                <a:cxn ang="0">
                  <a:pos x="connsiteX10" y="connsiteY10"/>
                </a:cxn>
              </a:cxnLst>
              <a:rect l="l" t="t" r="r" b="b"/>
              <a:pathLst>
                <a:path w="6982691" h="1719942">
                  <a:moveTo>
                    <a:pt x="0" y="1719942"/>
                  </a:moveTo>
                  <a:cubicBezTo>
                    <a:pt x="162296" y="1536864"/>
                    <a:pt x="324592" y="1353787"/>
                    <a:pt x="546265" y="1185553"/>
                  </a:cubicBezTo>
                  <a:cubicBezTo>
                    <a:pt x="767938" y="1017319"/>
                    <a:pt x="1074718" y="835231"/>
                    <a:pt x="1330037" y="710540"/>
                  </a:cubicBezTo>
                  <a:cubicBezTo>
                    <a:pt x="1585356" y="585849"/>
                    <a:pt x="1741715" y="530430"/>
                    <a:pt x="2078182" y="437407"/>
                  </a:cubicBezTo>
                  <a:cubicBezTo>
                    <a:pt x="2414649" y="344384"/>
                    <a:pt x="3028208" y="213755"/>
                    <a:pt x="3348842" y="152399"/>
                  </a:cubicBezTo>
                  <a:cubicBezTo>
                    <a:pt x="3669476" y="91043"/>
                    <a:pt x="3718957" y="93022"/>
                    <a:pt x="4001985" y="69272"/>
                  </a:cubicBezTo>
                  <a:cubicBezTo>
                    <a:pt x="4285013" y="45522"/>
                    <a:pt x="4732317" y="19792"/>
                    <a:pt x="5047013" y="9896"/>
                  </a:cubicBezTo>
                  <a:cubicBezTo>
                    <a:pt x="5361709" y="0"/>
                    <a:pt x="5890161" y="9896"/>
                    <a:pt x="5890161" y="9896"/>
                  </a:cubicBezTo>
                  <a:lnTo>
                    <a:pt x="6495803" y="9896"/>
                  </a:lnTo>
                  <a:cubicBezTo>
                    <a:pt x="6664037" y="13854"/>
                    <a:pt x="6818416" y="27708"/>
                    <a:pt x="6899564" y="33646"/>
                  </a:cubicBezTo>
                  <a:cubicBezTo>
                    <a:pt x="6980712" y="39584"/>
                    <a:pt x="6953003" y="37605"/>
                    <a:pt x="6982691" y="45522"/>
                  </a:cubicBezTo>
                </a:path>
              </a:pathLst>
            </a:custGeom>
            <a:ln w="6350">
              <a:solidFill>
                <a:schemeClr val="bg1">
                  <a:alpha val="20000"/>
                </a:schemeClr>
              </a:solidFill>
            </a:ln>
          </p:spPr>
          <p:style>
            <a:lnRef idx="1">
              <a:schemeClr val="accent1"/>
            </a:lnRef>
            <a:fillRef idx="0">
              <a:schemeClr val="accent1"/>
            </a:fillRef>
            <a:effectRef idx="0">
              <a:schemeClr val="accent1"/>
            </a:effectRef>
            <a:fontRef idx="minor">
              <a:schemeClr val="tx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black"/>
                </a:solidFill>
              </a:endParaRPr>
            </a:p>
          </p:txBody>
        </p:sp>
        <p:sp>
          <p:nvSpPr>
            <p:cNvPr id="50" name="Hexagon 49"/>
            <p:cNvSpPr/>
            <p:nvPr/>
          </p:nvSpPr>
          <p:spPr>
            <a:xfrm rot="1800000">
              <a:off x="2996165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1" name="Hexagon 50"/>
            <p:cNvSpPr/>
            <p:nvPr/>
          </p:nvSpPr>
          <p:spPr>
            <a:xfrm rot="1800000">
              <a:off x="3720065" y="41260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2" name="Hexagon 51"/>
            <p:cNvSpPr/>
            <p:nvPr/>
          </p:nvSpPr>
          <p:spPr>
            <a:xfrm rot="1800000">
              <a:off x="3729591" y="159242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3" name="Hexagon 52"/>
            <p:cNvSpPr/>
            <p:nvPr/>
          </p:nvSpPr>
          <p:spPr>
            <a:xfrm rot="1800000">
              <a:off x="2977115" y="32560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4" name="Hexagon 53"/>
            <p:cNvSpPr/>
            <p:nvPr/>
          </p:nvSpPr>
          <p:spPr>
            <a:xfrm rot="1800000">
              <a:off x="4463014" y="53833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6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5" name="Freeform 54"/>
            <p:cNvSpPr/>
            <p:nvPr/>
          </p:nvSpPr>
          <p:spPr>
            <a:xfrm rot="1800000">
              <a:off x="-382404" y="4201528"/>
              <a:ext cx="1261499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56357 w 1261499"/>
                <a:gd name="connsiteY5" fmla="*/ 1388236 h 1388236"/>
                <a:gd name="connsiteX6" fmla="*/ 0 w 1261499"/>
                <a:gd name="connsiteY6" fmla="*/ 105098 h 1388236"/>
                <a:gd name="connsiteX0" fmla="*/ 0 w 1261499"/>
                <a:gd name="connsiteY0" fmla="*/ 105098 h 1388236"/>
                <a:gd name="connsiteX1" fmla="*/ 56357 w 1261499"/>
                <a:gd name="connsiteY1" fmla="*/ 0 h 1388236"/>
                <a:gd name="connsiteX2" fmla="*/ 865241 w 1261499"/>
                <a:gd name="connsiteY2" fmla="*/ 0 h 1388236"/>
                <a:gd name="connsiteX3" fmla="*/ 1261499 w 1261499"/>
                <a:gd name="connsiteY3" fmla="*/ 694118 h 1388236"/>
                <a:gd name="connsiteX4" fmla="*/ 865241 w 1261499"/>
                <a:gd name="connsiteY4" fmla="*/ 1388236 h 1388236"/>
                <a:gd name="connsiteX5" fmla="*/ 744578 w 1261499"/>
                <a:gd name="connsiteY5" fmla="*/ 1387893 h 1388236"/>
                <a:gd name="connsiteX6" fmla="*/ 0 w 1261499"/>
                <a:gd name="connsiteY6" fmla="*/ 10509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61499" h="1388236">
                  <a:moveTo>
                    <a:pt x="0" y="105098"/>
                  </a:moveTo>
                  <a:lnTo>
                    <a:pt x="56357" y="0"/>
                  </a:lnTo>
                  <a:lnTo>
                    <a:pt x="865241" y="0"/>
                  </a:lnTo>
                  <a:lnTo>
                    <a:pt x="1261499" y="694118"/>
                  </a:lnTo>
                  <a:lnTo>
                    <a:pt x="865241" y="1388236"/>
                  </a:lnTo>
                  <a:lnTo>
                    <a:pt x="744578" y="1387893"/>
                  </a:lnTo>
                  <a:lnTo>
                    <a:pt x="0" y="105098"/>
                  </a:lnTo>
                  <a:close/>
                </a:path>
              </a:pathLst>
            </a:cu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6" name="Hexagon 55"/>
            <p:cNvSpPr/>
            <p:nvPr/>
          </p:nvSpPr>
          <p:spPr>
            <a:xfrm rot="1800000">
              <a:off x="24365" y="540242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7" name="Hexagon 56"/>
            <p:cNvSpPr/>
            <p:nvPr/>
          </p:nvSpPr>
          <p:spPr>
            <a:xfrm rot="1800000">
              <a:off x="52941" y="28497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8" name="Hexagon 57"/>
            <p:cNvSpPr/>
            <p:nvPr/>
          </p:nvSpPr>
          <p:spPr>
            <a:xfrm rot="1800000">
              <a:off x="776840" y="4126077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59" name="Hexagon 58"/>
            <p:cNvSpPr/>
            <p:nvPr/>
          </p:nvSpPr>
          <p:spPr>
            <a:xfrm rot="1800000">
              <a:off x="1510265" y="54119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60" name="Hexagon 59"/>
            <p:cNvSpPr/>
            <p:nvPr/>
          </p:nvSpPr>
          <p:spPr>
            <a:xfrm rot="1800000">
              <a:off x="1529316" y="2859252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5" name="Hexagon 94"/>
            <p:cNvSpPr/>
            <p:nvPr/>
          </p:nvSpPr>
          <p:spPr>
            <a:xfrm rot="1800000">
              <a:off x="795890" y="1563853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6" name="Hexagon 95"/>
            <p:cNvSpPr/>
            <p:nvPr/>
          </p:nvSpPr>
          <p:spPr>
            <a:xfrm rot="1800000">
              <a:off x="6806166" y="414512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10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7" name="Hexagon 96"/>
            <p:cNvSpPr/>
            <p:nvPr/>
          </p:nvSpPr>
          <p:spPr>
            <a:xfrm rot="1800000">
              <a:off x="7549116" y="5421479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8" name="Hexagon 97"/>
            <p:cNvSpPr/>
            <p:nvPr/>
          </p:nvSpPr>
          <p:spPr>
            <a:xfrm rot="1800000">
              <a:off x="7549117" y="2868778"/>
              <a:ext cx="1601400" cy="1388236"/>
            </a:xfrm>
            <a:prstGeom prst="hexagon">
              <a:avLst>
                <a:gd name="adj" fmla="val 28544"/>
                <a:gd name="vf" fmla="val 115470"/>
              </a:avLst>
            </a:prstGeom>
            <a:solidFill>
              <a:schemeClr val="bg1">
                <a:alpha val="7000"/>
              </a:schemeClr>
            </a:solidFill>
            <a:ln w="12700">
              <a:solidFill>
                <a:schemeClr val="bg1">
                  <a:alpha val="8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99" name="Freeform 98"/>
            <p:cNvSpPr/>
            <p:nvPr/>
          </p:nvSpPr>
          <p:spPr>
            <a:xfrm rot="1800000">
              <a:off x="8306521" y="4055629"/>
              <a:ext cx="1243407" cy="1388236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474029 w 1601400"/>
                <a:gd name="connsiteY2" fmla="*/ 4016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243407"/>
                <a:gd name="connsiteY0" fmla="*/ 694118 h 1388236"/>
                <a:gd name="connsiteX1" fmla="*/ 396258 w 1243407"/>
                <a:gd name="connsiteY1" fmla="*/ 0 h 1388236"/>
                <a:gd name="connsiteX2" fmla="*/ 474029 w 1243407"/>
                <a:gd name="connsiteY2" fmla="*/ 4016 h 1388236"/>
                <a:gd name="connsiteX3" fmla="*/ 1243407 w 1243407"/>
                <a:gd name="connsiteY3" fmla="*/ 1325983 h 1388236"/>
                <a:gd name="connsiteX4" fmla="*/ 1205142 w 1243407"/>
                <a:gd name="connsiteY4" fmla="*/ 1388236 h 1388236"/>
                <a:gd name="connsiteX5" fmla="*/ 396258 w 1243407"/>
                <a:gd name="connsiteY5" fmla="*/ 1388236 h 1388236"/>
                <a:gd name="connsiteX6" fmla="*/ 0 w 1243407"/>
                <a:gd name="connsiteY6" fmla="*/ 694118 h 1388236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3407" h="1388236">
                  <a:moveTo>
                    <a:pt x="0" y="694118"/>
                  </a:moveTo>
                  <a:lnTo>
                    <a:pt x="396258" y="0"/>
                  </a:lnTo>
                  <a:lnTo>
                    <a:pt x="474029" y="4016"/>
                  </a:lnTo>
                  <a:lnTo>
                    <a:pt x="1243407" y="1325983"/>
                  </a:lnTo>
                  <a:lnTo>
                    <a:pt x="1205142" y="1388236"/>
                  </a:lnTo>
                  <a:lnTo>
                    <a:pt x="396258" y="1388236"/>
                  </a:lnTo>
                  <a:lnTo>
                    <a:pt x="0" y="694118"/>
                  </a:lnTo>
                  <a:close/>
                </a:path>
              </a:pathLst>
            </a:custGeom>
            <a:solidFill>
              <a:schemeClr val="bg1">
                <a:alpha val="400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  <p:sp>
          <p:nvSpPr>
            <p:cNvPr id="100" name="Freeform 99"/>
            <p:cNvSpPr/>
            <p:nvPr/>
          </p:nvSpPr>
          <p:spPr>
            <a:xfrm rot="1800000">
              <a:off x="8306771" y="1511524"/>
              <a:ext cx="1241871" cy="1388822"/>
            </a:xfrm>
            <a:custGeom>
              <a:avLst/>
              <a:gdLst>
                <a:gd name="connsiteX0" fmla="*/ 0 w 1601400"/>
                <a:gd name="connsiteY0" fmla="*/ 694118 h 1388236"/>
                <a:gd name="connsiteX1" fmla="*/ 396258 w 1601400"/>
                <a:gd name="connsiteY1" fmla="*/ 0 h 1388236"/>
                <a:gd name="connsiteX2" fmla="*/ 1205142 w 1601400"/>
                <a:gd name="connsiteY2" fmla="*/ 0 h 1388236"/>
                <a:gd name="connsiteX3" fmla="*/ 1601400 w 1601400"/>
                <a:gd name="connsiteY3" fmla="*/ 694118 h 1388236"/>
                <a:gd name="connsiteX4" fmla="*/ 1205142 w 1601400"/>
                <a:gd name="connsiteY4" fmla="*/ 1388236 h 1388236"/>
                <a:gd name="connsiteX5" fmla="*/ 396258 w 1601400"/>
                <a:gd name="connsiteY5" fmla="*/ 1388236 h 1388236"/>
                <a:gd name="connsiteX6" fmla="*/ 0 w 1601400"/>
                <a:gd name="connsiteY6" fmla="*/ 694118 h 1388236"/>
                <a:gd name="connsiteX0" fmla="*/ 0 w 1601400"/>
                <a:gd name="connsiteY0" fmla="*/ 694704 h 1388822"/>
                <a:gd name="connsiteX1" fmla="*/ 396258 w 1601400"/>
                <a:gd name="connsiteY1" fmla="*/ 586 h 1388822"/>
                <a:gd name="connsiteX2" fmla="*/ 482002 w 1601400"/>
                <a:gd name="connsiteY2" fmla="*/ 0 h 1388822"/>
                <a:gd name="connsiteX3" fmla="*/ 1601400 w 1601400"/>
                <a:gd name="connsiteY3" fmla="*/ 694704 h 1388822"/>
                <a:gd name="connsiteX4" fmla="*/ 1205142 w 1601400"/>
                <a:gd name="connsiteY4" fmla="*/ 1388822 h 1388822"/>
                <a:gd name="connsiteX5" fmla="*/ 396258 w 1601400"/>
                <a:gd name="connsiteY5" fmla="*/ 1388822 h 1388822"/>
                <a:gd name="connsiteX6" fmla="*/ 0 w 1601400"/>
                <a:gd name="connsiteY6" fmla="*/ 694704 h 1388822"/>
                <a:gd name="connsiteX0" fmla="*/ 0 w 1241871"/>
                <a:gd name="connsiteY0" fmla="*/ 694704 h 1388822"/>
                <a:gd name="connsiteX1" fmla="*/ 396258 w 1241871"/>
                <a:gd name="connsiteY1" fmla="*/ 586 h 1388822"/>
                <a:gd name="connsiteX2" fmla="*/ 482002 w 1241871"/>
                <a:gd name="connsiteY2" fmla="*/ 0 h 1388822"/>
                <a:gd name="connsiteX3" fmla="*/ 1241871 w 1241871"/>
                <a:gd name="connsiteY3" fmla="*/ 1323912 h 1388822"/>
                <a:gd name="connsiteX4" fmla="*/ 1205142 w 1241871"/>
                <a:gd name="connsiteY4" fmla="*/ 1388822 h 1388822"/>
                <a:gd name="connsiteX5" fmla="*/ 396258 w 1241871"/>
                <a:gd name="connsiteY5" fmla="*/ 1388822 h 1388822"/>
                <a:gd name="connsiteX6" fmla="*/ 0 w 1241871"/>
                <a:gd name="connsiteY6" fmla="*/ 694704 h 1388822"/>
              </a:gdLst>
              <a:ahLst/>
              <a:cxnLst>
                <a:cxn ang="0">
                  <a:pos x="connsiteX0" y="connsiteY0"/>
                </a:cxn>
                <a:cxn ang="0">
                  <a:pos x="connsiteX1" y="connsiteY1"/>
                </a:cxn>
                <a:cxn ang="0">
                  <a:pos x="connsiteX2" y="connsiteY2"/>
                </a:cxn>
                <a:cxn ang="0">
                  <a:pos x="connsiteX3" y="connsiteY3"/>
                </a:cxn>
                <a:cxn ang="0">
                  <a:pos x="connsiteX4" y="connsiteY4"/>
                </a:cxn>
                <a:cxn ang="0">
                  <a:pos x="connsiteX5" y="connsiteY5"/>
                </a:cxn>
                <a:cxn ang="0">
                  <a:pos x="connsiteX6" y="connsiteY6"/>
                </a:cxn>
              </a:cxnLst>
              <a:rect l="l" t="t" r="r" b="b"/>
              <a:pathLst>
                <a:path w="1241871" h="1388822">
                  <a:moveTo>
                    <a:pt x="0" y="694704"/>
                  </a:moveTo>
                  <a:lnTo>
                    <a:pt x="396258" y="586"/>
                  </a:lnTo>
                  <a:lnTo>
                    <a:pt x="482002" y="0"/>
                  </a:lnTo>
                  <a:lnTo>
                    <a:pt x="1241871" y="1323912"/>
                  </a:lnTo>
                  <a:lnTo>
                    <a:pt x="1205142" y="1388822"/>
                  </a:lnTo>
                  <a:lnTo>
                    <a:pt x="396258" y="1388822"/>
                  </a:lnTo>
                  <a:lnTo>
                    <a:pt x="0" y="694704"/>
                  </a:lnTo>
                  <a:close/>
                </a:path>
              </a:pathLst>
            </a:custGeom>
            <a:solidFill>
              <a:schemeClr val="bg1">
                <a:alpha val="0"/>
              </a:schemeClr>
            </a:solidFill>
            <a:ln w="12700">
              <a:solidFill>
                <a:schemeClr val="bg1">
                  <a:alpha val="12000"/>
                </a:schemeClr>
              </a:solidFill>
            </a:ln>
          </p:spPr>
          <p:style>
            <a:lnRef idx="2">
              <a:schemeClr val="accent1">
                <a:shade val="50000"/>
              </a:schemeClr>
            </a:lnRef>
            <a:fillRef idx="1">
              <a:schemeClr val="accent1"/>
            </a:fillRef>
            <a:effectRef idx="0">
              <a:schemeClr val="accent1"/>
            </a:effectRef>
            <a:fontRef idx="minor">
              <a:schemeClr val="lt1"/>
            </a:fontRef>
          </p:style>
          <p:txBody>
            <a:bodyPr rtlCol="0" anchor="ctr"/>
            <a:lstStyle/>
            <a:p>
              <a:pPr algn="ctr"/>
              <a:endParaRPr lang="en-US">
                <a:solidFill>
                  <a:prstClr val="white"/>
                </a:solidFill>
              </a:endParaRPr>
            </a:p>
          </p:txBody>
        </p:sp>
      </p:grpSp>
      <p:sp>
        <p:nvSpPr>
          <p:cNvPr id="66" name="Rectangle 65"/>
          <p:cNvSpPr/>
          <p:nvPr/>
        </p:nvSpPr>
        <p:spPr>
          <a:xfrm>
            <a:off x="457200" y="333487"/>
            <a:ext cx="8229600" cy="6185647"/>
          </a:xfrm>
          <a:prstGeom prst="rect">
            <a:avLst/>
          </a:prstGeom>
          <a:solidFill>
            <a:schemeClr val="accent6">
              <a:lumMod val="20000"/>
              <a:lumOff val="80000"/>
            </a:schemeClr>
          </a:solidFill>
          <a:ln w="6350">
            <a:solidFill>
              <a:schemeClr val="tx1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0" name="Rectangle 69"/>
          <p:cNvSpPr/>
          <p:nvPr/>
        </p:nvSpPr>
        <p:spPr>
          <a:xfrm>
            <a:off x="4572000" y="-13444"/>
            <a:ext cx="3631231" cy="699244"/>
          </a:xfrm>
          <a:prstGeom prst="rect">
            <a:avLst/>
          </a:prstGeom>
          <a:solidFill>
            <a:srgbClr val="FFCC66"/>
          </a:solidFill>
          <a:ln>
            <a:solidFill>
              <a:schemeClr val="bg2">
                <a:lumMod val="50000"/>
              </a:schemeClr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71" name="Rectangle 70"/>
          <p:cNvSpPr/>
          <p:nvPr/>
        </p:nvSpPr>
        <p:spPr>
          <a:xfrm>
            <a:off x="4649096" y="-21510"/>
            <a:ext cx="3505200" cy="623938"/>
          </a:xfrm>
          <a:prstGeom prst="rect">
            <a:avLst/>
          </a:prstGeom>
          <a:solidFill>
            <a:srgbClr val="00755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>
              <a:solidFill>
                <a:prstClr val="white"/>
              </a:solidFill>
            </a:endParaRPr>
          </a:p>
        </p:txBody>
      </p:sp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1104152" y="734489"/>
            <a:ext cx="7024744" cy="570464"/>
          </a:xfrm>
          <a:prstGeom prst="rect">
            <a:avLst/>
          </a:prstGeom>
        </p:spPr>
        <p:txBody>
          <a:bodyPr vert="horz" lIns="91440" tIns="45720" rIns="91440" bIns="45720" rtlCol="0" anchor="b">
            <a:normAutofit/>
          </a:bodyPr>
          <a:lstStyle/>
          <a:p>
            <a:r>
              <a:rPr lang="en-US" dirty="0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1110114" y="1605146"/>
            <a:ext cx="6777317" cy="3508977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dirty="0" smtClean="0"/>
              <a:t>Click to edit Master text styles</a:t>
            </a:r>
          </a:p>
          <a:p>
            <a:pPr lvl="1"/>
            <a:r>
              <a:rPr lang="en-US" dirty="0" smtClean="0"/>
              <a:t>Second level</a:t>
            </a:r>
          </a:p>
          <a:p>
            <a:pPr lvl="2"/>
            <a:r>
              <a:rPr lang="en-US" dirty="0" smtClean="0"/>
              <a:t>Third level</a:t>
            </a:r>
          </a:p>
          <a:p>
            <a:pPr lvl="3"/>
            <a:r>
              <a:rPr lang="en-US" dirty="0" smtClean="0"/>
              <a:t>Fourth level</a:t>
            </a:r>
          </a:p>
          <a:p>
            <a:pPr lvl="4"/>
            <a:r>
              <a:rPr lang="en-US" dirty="0" smtClean="0"/>
              <a:t>Fifth level</a:t>
            </a:r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4641448" y="5852160"/>
            <a:ext cx="3502152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accent1"/>
                </a:solidFill>
              </a:defRPr>
            </a:lvl1pPr>
          </a:lstStyle>
          <a:p>
            <a:endParaRPr lang="en-US">
              <a:solidFill>
                <a:srgbClr val="242852"/>
              </a:solidFill>
            </a:endParaRPr>
          </a:p>
        </p:txBody>
      </p:sp>
      <p:pic>
        <p:nvPicPr>
          <p:cNvPr id="61" name="Picture 60"/>
          <p:cNvPicPr>
            <a:picLocks noChangeAspect="1"/>
          </p:cNvPicPr>
          <p:nvPr userDrawn="1"/>
        </p:nvPicPr>
        <p:blipFill>
          <a:blip r:embed="rId13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5134660" y="26719"/>
            <a:ext cx="2515138" cy="548757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3595423282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1" r:id="rId1"/>
    <p:sldLayoutId id="2147483662" r:id="rId2"/>
    <p:sldLayoutId id="2147483663" r:id="rId3"/>
    <p:sldLayoutId id="2147483664" r:id="rId4"/>
    <p:sldLayoutId id="2147483665" r:id="rId5"/>
    <p:sldLayoutId id="2147483666" r:id="rId6"/>
    <p:sldLayoutId id="2147483667" r:id="rId7"/>
    <p:sldLayoutId id="2147483668" r:id="rId8"/>
    <p:sldLayoutId id="2147483669" r:id="rId9"/>
    <p:sldLayoutId id="2147483670" r:id="rId10"/>
    <p:sldLayoutId id="2147483671" r:id="rId11"/>
  </p:sldLayoutIdLst>
  <p:timing>
    <p:tnLst>
      <p:par>
        <p:cTn id="1" dur="indefinite" restart="never" nodeType="tmRoot"/>
      </p:par>
    </p:tnLst>
  </p:timing>
  <p:txStyles>
    <p:titleStyle>
      <a:lvl1pPr algn="l" defTabSz="914400" rtl="0" eaLnBrk="1" latinLnBrk="0" hangingPunct="1">
        <a:spcBef>
          <a:spcPct val="0"/>
        </a:spcBef>
        <a:buNone/>
        <a:defRPr sz="3400" b="1" kern="1200">
          <a:solidFill>
            <a:schemeClr val="tx1"/>
          </a:solidFill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34290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 2" pitchFamily="18" charset="2"/>
        <a:buChar char=""/>
        <a:defRPr sz="2400" kern="1200">
          <a:solidFill>
            <a:schemeClr val="tx2"/>
          </a:solidFill>
          <a:latin typeface="+mn-lt"/>
          <a:ea typeface="+mn-ea"/>
          <a:cs typeface="+mn-cs"/>
        </a:defRPr>
      </a:lvl1pPr>
      <a:lvl2pPr marL="640080" indent="-27432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q"/>
        <a:defRPr sz="2200" kern="1200">
          <a:solidFill>
            <a:schemeClr val="tx2"/>
          </a:solidFill>
          <a:latin typeface="+mn-lt"/>
          <a:ea typeface="+mn-ea"/>
          <a:cs typeface="+mn-cs"/>
        </a:defRPr>
      </a:lvl2pPr>
      <a:lvl3pPr marL="91440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Ø"/>
        <a:defRPr sz="2000" kern="1200">
          <a:solidFill>
            <a:schemeClr val="tx2"/>
          </a:solidFill>
          <a:latin typeface="+mn-lt"/>
          <a:ea typeface="+mn-ea"/>
          <a:cs typeface="+mn-cs"/>
        </a:defRPr>
      </a:lvl3pPr>
      <a:lvl4pPr marL="1124712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Courier New" panose="02070309020205020404" pitchFamily="49" charset="0"/>
        <a:buChar char="o"/>
        <a:defRPr sz="1800" kern="1200">
          <a:solidFill>
            <a:schemeClr val="tx2"/>
          </a:solidFill>
          <a:latin typeface="+mn-lt"/>
          <a:ea typeface="+mn-ea"/>
          <a:cs typeface="+mn-cs"/>
        </a:defRPr>
      </a:lvl4pPr>
      <a:lvl5pPr marL="1325880" indent="-228600" algn="l" defTabSz="914400" rtl="0" eaLnBrk="1" latinLnBrk="0" hangingPunct="1">
        <a:spcBef>
          <a:spcPct val="20000"/>
        </a:spcBef>
        <a:buClr>
          <a:srgbClr val="006445"/>
        </a:buClr>
        <a:buSzPct val="76000"/>
        <a:buFont typeface="Wingdings" panose="05000000000000000000" pitchFamily="2" charset="2"/>
        <a:buChar char="v"/>
        <a:defRPr sz="1600" kern="1200" baseline="0">
          <a:solidFill>
            <a:schemeClr val="tx2"/>
          </a:solidFill>
          <a:latin typeface="+mn-lt"/>
          <a:ea typeface="+mn-ea"/>
          <a:cs typeface="+mn-cs"/>
        </a:defRPr>
      </a:lvl5pPr>
      <a:lvl6pPr marL="1517904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6pPr>
      <a:lvl7pPr marL="1719072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7pPr>
      <a:lvl8pPr marL="1920240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8pPr>
      <a:lvl9pPr marL="2121408" indent="-228600" algn="l" defTabSz="914400" rtl="0" eaLnBrk="1" latinLnBrk="0" hangingPunct="1">
        <a:spcBef>
          <a:spcPct val="20000"/>
        </a:spcBef>
        <a:buClr>
          <a:schemeClr val="accent1"/>
        </a:buClr>
        <a:buSzPct val="76000"/>
        <a:buFont typeface="Wingdings 2" pitchFamily="18" charset="2"/>
        <a:buChar char=""/>
        <a:defRPr sz="1400" kern="1200">
          <a:solidFill>
            <a:schemeClr val="tx2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4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Title 2"/>
          <p:cNvSpPr>
            <a:spLocks noGrp="1"/>
          </p:cNvSpPr>
          <p:nvPr>
            <p:ph type="title"/>
          </p:nvPr>
        </p:nvSpPr>
        <p:spPr>
          <a:xfrm>
            <a:off x="900056" y="381000"/>
            <a:ext cx="7024744" cy="646664"/>
          </a:xfrm>
        </p:spPr>
        <p:txBody>
          <a:bodyPr/>
          <a:lstStyle/>
          <a:p>
            <a:r>
              <a:rPr lang="en-US" dirty="0" smtClean="0"/>
              <a:t>Anemia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idx="1"/>
          </p:nvPr>
        </p:nvSpPr>
        <p:spPr>
          <a:xfrm>
            <a:off x="838200" y="990600"/>
            <a:ext cx="7620000" cy="4953000"/>
          </a:xfrm>
        </p:spPr>
        <p:txBody>
          <a:bodyPr>
            <a:noAutofit/>
          </a:bodyPr>
          <a:lstStyle/>
          <a:p>
            <a:pPr marL="68580" indent="0">
              <a:spcAft>
                <a:spcPts val="600"/>
              </a:spcAft>
              <a:buNone/>
            </a:pPr>
            <a:r>
              <a:rPr lang="en-US" sz="1600" dirty="0">
                <a:solidFill>
                  <a:schemeClr val="tx1"/>
                </a:solidFill>
              </a:rPr>
              <a:t>Best practice documentation for Anemia is to use the key elements outlined below and use the linking statement “due to” when documenting the cause of the anemia</a:t>
            </a:r>
            <a:r>
              <a:rPr lang="en-US" sz="1600" dirty="0" smtClean="0">
                <a:solidFill>
                  <a:schemeClr val="tx1"/>
                </a:solidFill>
              </a:rPr>
              <a:t>.</a:t>
            </a:r>
            <a:endParaRPr lang="en-US" sz="1600" dirty="0" smtClean="0"/>
          </a:p>
          <a:p>
            <a:r>
              <a:rPr lang="en-US" sz="1600" dirty="0" smtClean="0"/>
              <a:t>Type</a:t>
            </a:r>
          </a:p>
          <a:p>
            <a:pPr lvl="1"/>
            <a:r>
              <a:rPr lang="en-US" sz="1600" dirty="0" smtClean="0"/>
              <a:t>Nutritional  (Iron, B12, or Folate Deficiency)</a:t>
            </a:r>
          </a:p>
          <a:p>
            <a:pPr lvl="1"/>
            <a:r>
              <a:rPr lang="en-US" sz="1600" dirty="0" smtClean="0"/>
              <a:t>Hemolytic </a:t>
            </a:r>
          </a:p>
          <a:p>
            <a:pPr lvl="1"/>
            <a:r>
              <a:rPr lang="en-US" sz="1600" dirty="0" smtClean="0"/>
              <a:t>Aplastic</a:t>
            </a:r>
          </a:p>
          <a:p>
            <a:pPr lvl="1"/>
            <a:r>
              <a:rPr lang="en-US" sz="1600" dirty="0" smtClean="0"/>
              <a:t>Due to blood loss</a:t>
            </a:r>
          </a:p>
          <a:p>
            <a:pPr lvl="2"/>
            <a:r>
              <a:rPr lang="en-US" sz="1400" dirty="0" smtClean="0"/>
              <a:t>Due to Procedure</a:t>
            </a:r>
          </a:p>
          <a:p>
            <a:pPr lvl="2">
              <a:spcAft>
                <a:spcPts val="600"/>
              </a:spcAft>
            </a:pPr>
            <a:r>
              <a:rPr lang="en-US" sz="1400" dirty="0" smtClean="0"/>
              <a:t>Unrelated to Procedure</a:t>
            </a:r>
          </a:p>
          <a:p>
            <a:r>
              <a:rPr lang="en-US" sz="1600" dirty="0" smtClean="0"/>
              <a:t>Acuity</a:t>
            </a:r>
          </a:p>
          <a:p>
            <a:pPr lvl="1"/>
            <a:r>
              <a:rPr lang="en-US" sz="1600" dirty="0" smtClean="0"/>
              <a:t>Acute </a:t>
            </a:r>
          </a:p>
          <a:p>
            <a:pPr lvl="1"/>
            <a:r>
              <a:rPr lang="en-US" sz="1600" dirty="0" smtClean="0"/>
              <a:t>Chronic </a:t>
            </a:r>
          </a:p>
          <a:p>
            <a:pPr lvl="1">
              <a:spcAft>
                <a:spcPts val="600"/>
              </a:spcAft>
            </a:pPr>
            <a:r>
              <a:rPr lang="en-US" sz="1600" dirty="0" smtClean="0"/>
              <a:t>Acute on chronic</a:t>
            </a:r>
          </a:p>
          <a:p>
            <a:pPr>
              <a:spcAft>
                <a:spcPts val="600"/>
              </a:spcAft>
            </a:pPr>
            <a:r>
              <a:rPr lang="en-US" sz="1600" dirty="0" smtClean="0"/>
              <a:t>Document a “due to” underlying condition causing the anemia</a:t>
            </a:r>
          </a:p>
          <a:p>
            <a:r>
              <a:rPr lang="en-US" sz="1600" dirty="0" smtClean="0"/>
              <a:t>Link any associated medication or drug use</a:t>
            </a:r>
            <a:endParaRPr lang="en-US" sz="1600" dirty="0"/>
          </a:p>
        </p:txBody>
      </p:sp>
      <p:sp>
        <p:nvSpPr>
          <p:cNvPr id="4" name="TextBox 15"/>
          <p:cNvSpPr txBox="1"/>
          <p:nvPr/>
        </p:nvSpPr>
        <p:spPr>
          <a:xfrm>
            <a:off x="2133600" y="5830669"/>
            <a:ext cx="5334000" cy="64633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>
            <a:defPPr>
              <a:defRPr lang="en-US"/>
            </a:defPPr>
            <a:lvl1pPr marL="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1pPr>
            <a:lvl2pPr marL="457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2pPr>
            <a:lvl3pPr marL="914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3pPr>
            <a:lvl4pPr marL="1371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4pPr>
            <a:lvl5pPr marL="18288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5pPr>
            <a:lvl6pPr marL="22860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6pPr>
            <a:lvl7pPr marL="27432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7pPr>
            <a:lvl8pPr marL="32004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8pPr>
            <a:lvl9pPr marL="3657600" algn="l" defTabSz="914400" rtl="0" eaLnBrk="1" latinLnBrk="0" hangingPunct="1">
              <a:defRPr sz="1800" kern="1200">
                <a:solidFill>
                  <a:schemeClr val="tx1"/>
                </a:solidFill>
                <a:latin typeface="+mn-lt"/>
                <a:ea typeface="+mn-ea"/>
                <a:cs typeface="+mn-cs"/>
              </a:defRPr>
            </a:lvl9pPr>
          </a:lstStyle>
          <a:p>
            <a:r>
              <a:rPr lang="en-US" sz="1200" b="1" dirty="0" smtClean="0"/>
              <a:t>Contact the following for any documentation questions or concerns: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CDI: Shannon Menei  302-733-5973</a:t>
            </a:r>
          </a:p>
          <a:p>
            <a:r>
              <a:rPr lang="en-US" sz="1200" b="1" dirty="0"/>
              <a:t> </a:t>
            </a:r>
            <a:r>
              <a:rPr lang="en-US" sz="1200" b="1" dirty="0" smtClean="0"/>
              <a:t>         HIMS: Kim Seery  302-733-1113</a:t>
            </a:r>
            <a:endParaRPr lang="en-US" sz="1200" b="1" dirty="0"/>
          </a:p>
        </p:txBody>
      </p:sp>
    </p:spTree>
    <p:extLst>
      <p:ext uri="{BB962C8B-B14F-4D97-AF65-F5344CB8AC3E}">
        <p14:creationId xmlns:p14="http://schemas.microsoft.com/office/powerpoint/2010/main" val="329676807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" name="Title 3"/>
          <p:cNvSpPr>
            <a:spLocks noGrp="1"/>
          </p:cNvSpPr>
          <p:nvPr>
            <p:ph type="title"/>
          </p:nvPr>
        </p:nvSpPr>
        <p:spPr/>
        <p:txBody>
          <a:bodyPr>
            <a:normAutofit fontScale="90000"/>
          </a:bodyPr>
          <a:lstStyle/>
          <a:p>
            <a:r>
              <a:rPr lang="en-US" dirty="0" smtClean="0"/>
              <a:t>Anemia Documentation Example</a:t>
            </a:r>
            <a:endParaRPr lang="en-US" dirty="0"/>
          </a:p>
        </p:txBody>
      </p:sp>
      <p:sp>
        <p:nvSpPr>
          <p:cNvPr id="5" name="Content Placeholder 4"/>
          <p:cNvSpPr>
            <a:spLocks noGrp="1"/>
          </p:cNvSpPr>
          <p:nvPr>
            <p:ph sz="quarter" idx="13"/>
          </p:nvPr>
        </p:nvSpPr>
        <p:spPr>
          <a:noFill/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600" b="1" dirty="0" smtClean="0"/>
              <a:t>Insufficient Documentation</a:t>
            </a:r>
          </a:p>
          <a:p>
            <a:endParaRPr lang="en-US" sz="1600" dirty="0"/>
          </a:p>
          <a:p>
            <a:r>
              <a:rPr lang="en-US" sz="1600" dirty="0"/>
              <a:t>Patient admitted with anemia secondary to lower GI bleed. HGB 7.3 down from 10.4, two units of PRBCs transfused, H&amp;H q 6 </a:t>
            </a:r>
          </a:p>
          <a:p>
            <a:pPr marL="68580" indent="0" algn="ctr">
              <a:buNone/>
            </a:pPr>
            <a:endParaRPr lang="en-US" sz="1600" b="1" dirty="0"/>
          </a:p>
        </p:txBody>
      </p:sp>
      <p:sp>
        <p:nvSpPr>
          <p:cNvPr id="6" name="Content Placeholder 5"/>
          <p:cNvSpPr>
            <a:spLocks noGrp="1"/>
          </p:cNvSpPr>
          <p:nvPr>
            <p:ph sz="quarter" idx="14"/>
          </p:nvPr>
        </p:nvSpPr>
        <p:spPr>
          <a:ln w="50800" cmpd="thickThin">
            <a:solidFill>
              <a:srgbClr val="568462"/>
            </a:solidFill>
          </a:ln>
        </p:spPr>
        <p:txBody>
          <a:bodyPr>
            <a:normAutofit/>
          </a:bodyPr>
          <a:lstStyle/>
          <a:p>
            <a:pPr marL="68580" indent="0" algn="ctr">
              <a:buNone/>
            </a:pPr>
            <a:r>
              <a:rPr lang="en-US" sz="1600" b="1" dirty="0" smtClean="0"/>
              <a:t>B</a:t>
            </a:r>
            <a:r>
              <a:rPr lang="en-US" sz="1600" b="1" dirty="0"/>
              <a:t>est Practice Documentation</a:t>
            </a:r>
          </a:p>
          <a:p>
            <a:endParaRPr lang="en-US" sz="1600" dirty="0"/>
          </a:p>
          <a:p>
            <a:r>
              <a:rPr lang="en-US" sz="1600" dirty="0"/>
              <a:t>Patient admitted with </a:t>
            </a:r>
            <a:r>
              <a:rPr lang="en-US" sz="1600" b="1" dirty="0"/>
              <a:t>acute blood loss anemia (ABLA) </a:t>
            </a:r>
            <a:r>
              <a:rPr lang="en-US" sz="1600" dirty="0"/>
              <a:t>secondary to lower GI bleed </a:t>
            </a:r>
            <a:r>
              <a:rPr lang="en-US" sz="1600" b="1" dirty="0"/>
              <a:t>due to ulcerative colitis</a:t>
            </a:r>
            <a:r>
              <a:rPr lang="en-US" sz="1600" dirty="0"/>
              <a:t>. HGB 7.3 down from 10.4, two units of PRBCs transfused, H&amp;H q 6. </a:t>
            </a:r>
          </a:p>
        </p:txBody>
      </p:sp>
    </p:spTree>
    <p:extLst>
      <p:ext uri="{BB962C8B-B14F-4D97-AF65-F5344CB8AC3E}">
        <p14:creationId xmlns:p14="http://schemas.microsoft.com/office/powerpoint/2010/main" val="3939339476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1_Austin">
  <a:themeElements>
    <a:clrScheme name="Elemental">
      <a:dk1>
        <a:sysClr val="windowText" lastClr="000000"/>
      </a:dk1>
      <a:lt1>
        <a:sysClr val="window" lastClr="FFFFFF"/>
      </a:lt1>
      <a:dk2>
        <a:srgbClr val="242852"/>
      </a:dk2>
      <a:lt2>
        <a:srgbClr val="ACCBF9"/>
      </a:lt2>
      <a:accent1>
        <a:srgbClr val="629DD1"/>
      </a:accent1>
      <a:accent2>
        <a:srgbClr val="297FD5"/>
      </a:accent2>
      <a:accent3>
        <a:srgbClr val="7F8FA9"/>
      </a:accent3>
      <a:accent4>
        <a:srgbClr val="4A66AC"/>
      </a:accent4>
      <a:accent5>
        <a:srgbClr val="5AA2AE"/>
      </a:accent5>
      <a:accent6>
        <a:srgbClr val="9D90A0"/>
      </a:accent6>
      <a:hlink>
        <a:srgbClr val="9454C3"/>
      </a:hlink>
      <a:folHlink>
        <a:srgbClr val="3EBBF0"/>
      </a:folHlink>
    </a:clrScheme>
    <a:fontScheme name="Austin">
      <a:maj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ahoma"/>
        <a:font script="Uigh" typeface="Microsoft Uighur"/>
        <a:font script="Geor" typeface="Sylfaen"/>
      </a:majorFont>
      <a:minorFont>
        <a:latin typeface="Century Gothic"/>
        <a:ea typeface=""/>
        <a:cs typeface=""/>
        <a:font script="Jpan" typeface="ＭＳ ゴシック"/>
        <a:font script="Hang" typeface="HY중고딕"/>
        <a:font script="Hans" typeface="幼圆"/>
        <a:font script="Hant" typeface="微軟正黑體"/>
        <a:font script="Arab" typeface="Tahoma"/>
        <a:font script="Hebr" typeface="Gisha"/>
        <a:font script="Thai" typeface="DilleniaUPC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Verdana"/>
        <a:font script="Uigh" typeface="Microsoft Uighur"/>
        <a:font script="Geor" typeface="Sylfaen"/>
      </a:minorFont>
    </a:fontScheme>
    <a:fmtScheme name="Austin">
      <a:fillStyleLst>
        <a:solidFill>
          <a:schemeClr val="phClr"/>
        </a:solidFill>
        <a:gradFill rotWithShape="1">
          <a:gsLst>
            <a:gs pos="0">
              <a:schemeClr val="phClr">
                <a:tint val="20000"/>
                <a:satMod val="180000"/>
                <a:lumMod val="98000"/>
              </a:schemeClr>
            </a:gs>
            <a:gs pos="40000">
              <a:schemeClr val="phClr">
                <a:tint val="30000"/>
                <a:satMod val="260000"/>
                <a:lumMod val="84000"/>
              </a:schemeClr>
            </a:gs>
            <a:gs pos="100000">
              <a:schemeClr val="phClr">
                <a:tint val="100000"/>
                <a:satMod val="110000"/>
                <a:lumMod val="100000"/>
              </a:schemeClr>
            </a:gs>
          </a:gsLst>
          <a:lin ang="5040000" scaled="1"/>
        </a:gradFill>
        <a:gradFill rotWithShape="1">
          <a:gsLst>
            <a:gs pos="0">
              <a:schemeClr val="phClr"/>
            </a:gs>
            <a:gs pos="100000">
              <a:schemeClr val="phClr">
                <a:shade val="75000"/>
                <a:satMod val="120000"/>
                <a:lumMod val="90000"/>
              </a:schemeClr>
            </a:gs>
          </a:gsLst>
          <a:lin ang="5400000" scaled="0"/>
        </a:gradFill>
      </a:fillStyleLst>
      <a:lnStyleLst>
        <a:ln w="9525" cap="flat" cmpd="sng" algn="ctr">
          <a:solidFill>
            <a:schemeClr val="phClr"/>
          </a:solidFill>
          <a:prstDash val="solid"/>
        </a:ln>
        <a:ln w="15875" cap="flat" cmpd="sng" algn="ctr">
          <a:solidFill>
            <a:schemeClr val="phClr"/>
          </a:solidFill>
          <a:prstDash val="solid"/>
        </a:ln>
        <a:ln w="22225" cap="flat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25400" dir="5400000" rotWithShape="0">
              <a:srgbClr val="000000">
                <a:alpha val="28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>
            <a:bevelT w="50800" h="12700" prst="softRound"/>
          </a:sp3d>
        </a:effectStyle>
        <a:effectStyle>
          <a:effectLst>
            <a:outerShdw blurRad="44450" dist="50800" dir="5400000" sx="96000" rotWithShape="0">
              <a:srgbClr val="000000">
                <a:alpha val="34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20400000"/>
            </a:lightRig>
          </a:scene3d>
          <a:sp3d contourW="15875" prstMaterial="metal">
            <a:bevelT w="101600" h="25400" prst="softRound"/>
            <a:contourClr>
              <a:schemeClr val="phClr">
                <a:shade val="30000"/>
              </a:schemeClr>
            </a:contourClr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shade val="94000"/>
                <a:satMod val="114000"/>
                <a:lumMod val="96000"/>
              </a:schemeClr>
            </a:gs>
            <a:gs pos="62000">
              <a:schemeClr val="phClr">
                <a:tint val="92000"/>
                <a:shade val="66000"/>
                <a:satMod val="110000"/>
                <a:lumMod val="80000"/>
              </a:schemeClr>
            </a:gs>
            <a:gs pos="100000">
              <a:schemeClr val="phClr">
                <a:tint val="89000"/>
                <a:shade val="62000"/>
                <a:satMod val="110000"/>
                <a:lumMod val="72000"/>
              </a:schemeClr>
            </a:gs>
          </a:gsLst>
          <a:lin ang="5400000" scaled="0"/>
        </a:gradFill>
        <a:blipFill rotWithShape="1">
          <a:blip xmlns:r="http://schemas.openxmlformats.org/officeDocument/2006/relationships" r:embed="rId1">
            <a:duotone>
              <a:schemeClr val="phClr">
                <a:tint val="80000"/>
                <a:shade val="58000"/>
              </a:schemeClr>
              <a:schemeClr val="phClr">
                <a:tint val="73000"/>
                <a:shade val="68000"/>
                <a:satMod val="150000"/>
              </a:schemeClr>
            </a:duotone>
          </a:blip>
          <a:tile tx="0" ty="0" sx="100000" sy="100000" flip="none" algn="tl"/>
        </a:blipFill>
      </a:bgFillStyleLst>
    </a:fmtScheme>
  </a:themeElements>
  <a:objectDefaults/>
  <a:extraClrSchemeLst/>
</a:theme>
</file>

<file path=customXml/_rels/item1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1.xml"/></Relationships>
</file>

<file path=customXml/_rels/item2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2.xml"/></Relationships>
</file>

<file path=customXml/_rels/item3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3.xml"/></Relationships>
</file>

<file path=customXml/_rels/item4.xml.rels><?xml version="1.0" encoding="UTF-8" standalone="yes"?>
<Relationships xmlns="http://schemas.openxmlformats.org/package/2006/relationships"><Relationship Id="rId1" Type="http://schemas.openxmlformats.org/officeDocument/2006/relationships/customXmlProps" Target="itemProps4.xml"/></Relationships>
</file>

<file path=customXml/item1.xml><?xml version="1.0" encoding="utf-8"?>
<ct:contentTypeSchema xmlns:ct="http://schemas.microsoft.com/office/2006/metadata/contentType" xmlns:ma="http://schemas.microsoft.com/office/2006/metadata/properties/metaAttributes" ct:_="" ma:_="" ma:contentTypeName="Information Document" ma:contentTypeID="0x0101009871527210460F40848DCA13FD2FB61D00AD6EC1A2CCBFD848BC8B5C369996C50B" ma:contentTypeVersion="139" ma:contentTypeDescription="General or non-application related information, policies or procedures" ma:contentTypeScope="" ma:versionID="b0d58354e88b70ae2981aac8162f9e63">
  <xsd:schema xmlns:xsd="http://www.w3.org/2001/XMLSchema" xmlns:xs="http://www.w3.org/2001/XMLSchema" xmlns:p="http://schemas.microsoft.com/office/2006/metadata/properties" xmlns:ns2="130e0593-5292-4fa7-b8ae-8ff45477badd" xmlns:ns3="ba7f6efb-9b7f-4f10-aed5-f0b9648f87bb" targetNamespace="http://schemas.microsoft.com/office/2006/metadata/properties" ma:root="true" ma:fieldsID="66b1c5c48b80cf8e9ae23aa8d26c6d22" ns2:_="" ns3:_="">
    <xsd:import namespace="130e0593-5292-4fa7-b8ae-8ff45477badd"/>
    <xsd:import namespace="ba7f6efb-9b7f-4f10-aed5-f0b9648f87bb"/>
    <xsd:element name="properties">
      <xsd:complexType>
        <xsd:sequence>
          <xsd:element name="documentManagement">
            <xsd:complexType>
              <xsd:all>
                <xsd:element ref="ns2:Application_x0020__x0028_temp_x0029_" minOccurs="0"/>
                <xsd:element ref="ns2:HEAT_x0020_Group_x0020__x0028_temp_x0029_" minOccurs="0"/>
                <xsd:element ref="ns3:Primary_x0020_Analyst_x0028_s_x0029__x002f_Group" minOccurs="0"/>
                <xsd:element ref="ns3:Secondary_x0020_Analyst_x0028_s_x0029__x002f_Group" minOccurs="0"/>
                <xsd:element ref="ns3:System_x0020_Type" minOccurs="0"/>
                <xsd:element ref="ns3:Criticality" minOccurs="0"/>
                <xsd:element ref="ns3:Next_x0020_Review_x0020_Date" minOccurs="0"/>
                <xsd:element ref="ns3:Expiration1" minOccurs="0"/>
              </xsd:all>
            </xsd:complexType>
          </xsd:element>
        </xsd:sequence>
      </xsd:complex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130e0593-5292-4fa7-b8ae-8ff45477badd" elementFormDefault="qualified">
    <xsd:import namespace="http://schemas.microsoft.com/office/2006/documentManagement/types"/>
    <xsd:import namespace="http://schemas.microsoft.com/office/infopath/2007/PartnerControls"/>
    <xsd:element name="Application_x0020__x0028_temp_x0029_" ma:index="2" nillable="true" ma:displayName="Application" ma:format="Dropdown" ma:internalName="Application_x0020__x0028_temp_x0029_">
      <xsd:simpleType>
        <xsd:union memberTypes="dms:Text">
          <xsd:simpleType>
            <xsd:restriction base="dms:Choice">
              <xsd:enumeration value="N/A.Net Framework"/>
              <xsd:enumeration value="3DNET"/>
              <xsd:enumeration value="accessANYware"/>
              <xsd:enumeration value="ACCU-CHEK"/>
              <xsd:enumeration value="Accupedia"/>
              <xsd:enumeration value="ACF/VTAM"/>
              <xsd:enumeration value="ACGME"/>
              <xsd:enumeration value="Acrobat Distiller"/>
              <xsd:enumeration value="Action OI ASP"/>
              <xsd:enumeration value="Active Directory Account"/>
              <xsd:enumeration value="Actus Computer Assisted Coding"/>
              <xsd:enumeration value="AcuDose (Connect Rx, Robot-Rx, AcuDose)"/>
              <xsd:enumeration value="Acuity"/>
              <xsd:enumeration value="AdminME!"/>
              <xsd:enumeration value="Admissions Web Forms"/>
              <xsd:enumeration value="Admitting Web Forms Availability"/>
              <xsd:enumeration value="Adobe Capture Personal Edition"/>
              <xsd:enumeration value="Adobe Flash Player"/>
              <xsd:enumeration value="Adobe Illustrator"/>
              <xsd:enumeration value="Adobe Photoshop"/>
              <xsd:enumeration value="Adobe Pro"/>
              <xsd:enumeration value="Adobe Reader"/>
              <xsd:enumeration value="ADSPLUS"/>
              <xsd:enumeration value="AEGIS"/>
              <xsd:enumeration value="Aerial"/>
              <xsd:enumeration value="AFP Expert"/>
              <xsd:enumeration value="AIX Userid Maintenance"/>
              <xsd:enumeration value="AIX-ISIS Unix (ISONLY)"/>
              <xsd:enumeration value="Alice Sleepware"/>
              <xsd:enumeration value="Alliance Decision Support"/>
              <xsd:enumeration value="Alliance Decision Support Data Warehouse"/>
              <xsd:enumeration value="AllScripts"/>
              <xsd:enumeration value="Alternate Browser  (by special request only)"/>
              <xsd:enumeration value="Amazon Purchasing"/>
              <xsd:enumeration value="AmeliorTracker # 2.11.4"/>
              <xsd:enumeration value="Analyzer"/>
              <xsd:enumeration value="Animedix"/>
              <xsd:enumeration value="AP (GEAC)"/>
              <xsd:enumeration value="Apex"/>
              <xsd:enumeration value="Apollo Advance"/>
              <xsd:enumeration value="Apollo Advance ADT Interface"/>
              <xsd:enumeration value="Apollo Advance Billing Interface"/>
              <xsd:enumeration value="Apollo Advance Cath Report Interface"/>
              <xsd:enumeration value="Apple QuickTime Player"/>
              <xsd:enumeration value="Apple Tree"/>
              <xsd:enumeration value="Application Inventory Database Application"/>
              <xsd:enumeration value="Application Launch"/>
              <xsd:enumeration value="Aquis Page"/>
              <xsd:enumeration value="Arcadia SIM Client"/>
              <xsd:enumeration value="Archive NT"/>
              <xsd:enumeration value="Articulate Studio"/>
              <xsd:enumeration value="Articulate Studio"/>
              <xsd:enumeration value="AsteresCentral"/>
              <xsd:enumeration value="AT&amp;T Broadband Global Dialer"/>
              <xsd:enumeration value="AT&amp;T Passport for Windows"/>
              <xsd:enumeration value="Attachmate Extra NT"/>
              <xsd:enumeration value="Attention Notification System"/>
              <xsd:enumeration value="AuditMate"/>
              <xsd:enumeration value="Authoria"/>
              <xsd:enumeration value="Authoria BIRT"/>
              <xsd:enumeration value="Auto Computer Assisted Design"/>
              <xsd:enumeration value="AutoCad"/>
              <xsd:enumeration value="AutoData Survey Plus"/>
              <xsd:enumeration value="Automated Termination Service"/>
              <xsd:enumeration value="Automation Point"/>
              <xsd:enumeration value="AV Digital Viewer"/>
              <xsd:enumeration value="AV System Manager"/>
              <xsd:enumeration value="AwareSurgical # 3.0.2"/>
              <xsd:enumeration value="AwareSurgical Tracker"/>
              <xsd:enumeration value="Bariatric Anesthesia Database"/>
              <xsd:enumeration value="Bariatric Surgery Data Warehouse"/>
              <xsd:enumeration value="BD Diabetes Software"/>
              <xsd:enumeration value="Bed Management - Bed Turnover (EVS BedXpress)"/>
              <xsd:enumeration value="Bed Management - BMD client (Nursing, Bedboard)"/>
              <xsd:enumeration value="Bed Management - Care Visibility"/>
              <xsd:enumeration value="Bed Management - Transport (Patient Escort)"/>
              <xsd:enumeration value="Bed Management Data Warehouse"/>
              <xsd:enumeration value="Bernoulli Ventilator Management System"/>
              <xsd:enumeration value="BIOMS"/>
              <xsd:enumeration value="Bivarus"/>
              <xsd:enumeration value="Blackberry OS"/>
              <xsd:enumeration value="Blackberry syncing"/>
              <xsd:enumeration value="BlackBoard Learn"/>
              <xsd:enumeration value="BMD Access Center Intake"/>
              <xsd:enumeration value="Boardmaker"/>
              <xsd:enumeration value="Bone Marrow Transplant Data Browser"/>
              <xsd:enumeration value="Bone Marrow Transplant Database"/>
              <xsd:enumeration value="Books24x7"/>
              <xsd:enumeration value="BrassRing (HR Only)"/>
              <xsd:enumeration value="Breast Biopsy Report DB"/>
              <xsd:enumeration value="Breast Cancer Data Warehouse"/>
              <xsd:enumeration value="Breeze Suite"/>
              <xsd:enumeration value="Brocade Web Tools"/>
              <xsd:enumeration value="BSDI (Fitness Analyst)"/>
              <xsd:enumeration value="Budget Database"/>
              <xsd:enumeration value="Business Intelligence (RiskMaster Only)"/>
              <xsd:enumeration value="Business Intelligence Enterprise Report Admins"/>
              <xsd:enumeration value="Business Intelligence Enterprise Report Users"/>
              <xsd:enumeration value="Business Objects Business Intelligence 4.0"/>
              <xsd:enumeration value="BWISE"/>
              <xsd:enumeration value="CADstream"/>
              <xsd:enumeration value="Cahaba Billing"/>
              <xsd:enumeration value="Call Scheduler"/>
              <xsd:enumeration value="Call Scheduler – Mini Web"/>
              <xsd:enumeration value="Cancer Data Warehouse"/>
              <xsd:enumeration value="CapMed HealthKey"/>
              <xsd:enumeration value="Cardinal"/>
              <xsd:enumeration value="Cardinal CSOS"/>
              <xsd:enumeration value="CareFusion"/>
              <xsd:enumeration value="CareMobile"/>
              <xsd:enumeration value="CareWare"/>
              <xsd:enumeration value="CARF"/>
              <xsd:enumeration value="Catchers Mitt Data Extraction/Upload"/>
              <xsd:enumeration value="caTissue Suite v1.1"/>
              <xsd:enumeration value="CBord Food Management Suite"/>
              <xsd:enumeration value="CBORD POS"/>
              <xsd:enumeration value="CCHS Diamond"/>
              <xsd:enumeration value="CCHS Intranet Collaboration / Publishing Site"/>
              <xsd:enumeration value="CCHS Screen Saver"/>
              <xsd:enumeration value="CCHS Software Installer"/>
              <xsd:enumeration value="CE Direct"/>
              <xsd:enumeration value="Censitrac"/>
              <xsd:enumeration value="Census Data Warehouse"/>
              <xsd:enumeration value="Centricity"/>
              <xsd:enumeration value="Centricity Patient Portal"/>
              <xsd:enumeration value="CGMS"/>
              <xsd:enumeration value="Charge Batch Log Database"/>
              <xsd:enumeration value="Charges and Services Data Warehouse"/>
              <xsd:enumeration value="Charon"/>
              <xsd:enumeration value="Chart Completion"/>
              <xsd:enumeration value="Chart Completion Admin"/>
              <xsd:enumeration value="Chart Completion Data Warehouse"/>
              <xsd:enumeration value="Chart Release"/>
              <xsd:enumeration value="Chart Signing Caregiver/Group Maintenance"/>
              <xsd:enumeration value="ChartFact"/>
              <xsd:enumeration value="ChartFax"/>
              <xsd:enumeration value="ChartID"/>
              <xsd:enumeration value="ChartLinc"/>
              <xsd:enumeration value="ChartScript"/>
              <xsd:enumeration value="CheckPoint"/>
              <xsd:enumeration value="CICS - TS"/>
              <xsd:enumeration value="Cisco IOS"/>
              <xsd:enumeration value="Citrix Client"/>
              <xsd:enumeration value="Citrix Metaframe"/>
              <xsd:enumeration value="Citrix PN Client"/>
              <xsd:enumeration value="Citrix PN Client"/>
              <xsd:enumeration value="Citrix Web Interface"/>
              <xsd:enumeration value="Clinical Content Consultants, LLC"/>
              <xsd:enumeration value="Clinical EMR Data Warehouse"/>
              <xsd:enumeration value="Clintec"/>
              <xsd:enumeration value="Cloverleaf Client"/>
              <xsd:enumeration value="Cloverleaf Server"/>
              <xsd:enumeration value="COBOL - LE"/>
              <xsd:enumeration value="Cochlear"/>
              <xsd:enumeration value="CodeCorrect ASP"/>
              <xsd:enumeration value="Coherence Therapist Workspace"/>
              <xsd:enumeration value="ColdFusion"/>
              <xsd:enumeration value="CommandView EVA"/>
              <xsd:enumeration value="Common Folder/Directory Permissions"/>
              <xsd:enumeration value="Compare Suite 6.0"/>
              <xsd:enumeration value="Complete AAP"/>
              <xsd:enumeration value="Compu-Max"/>
              <xsd:enumeration value="Conexion"/>
              <xsd:enumeration value="Coordinated Treatment Delivery"/>
              <xsd:enumeration value="COZmanager"/>
              <xsd:enumeration value="Credit"/>
              <xsd:enumeration value="Crystal Enterprise 10"/>
              <xsd:enumeration value="Crystal Reports 10 (IT Report Developers Only)"/>
              <xsd:enumeration value="Crystal Reports 2008 (IT Only)"/>
              <xsd:enumeration value="Crystal Reports 8.5 (Report Developers Only)"/>
              <xsd:enumeration value="Crystal Reports XI  (IT - Centricity Reports Only)"/>
              <xsd:enumeration value="CSSP(IS Only)"/>
              <xsd:enumeration value="Cyracom"/>
              <xsd:enumeration value="Data Dictionary"/>
              <xsd:enumeration value="Data Innovations - Instrument Manager"/>
              <xsd:enumeration value="DataDomain Enterprise Manager"/>
              <xsd:enumeration value="DataManager"/>
              <xsd:enumeration value="DAVS Control System"/>
              <xsd:enumeration value="DBDS"/>
              <xsd:enumeration value="DEC C"/>
              <xsd:enumeration value="Decision Making Dashboards (KPI)"/>
              <xsd:enumeration value="Delaware Emergency Medicine Reporting System (DEMR"/>
              <xsd:enumeration value="Delaware Med. Assist. Program Interactive Services"/>
              <xsd:enumeration value="Dental Surgery Log ASP"/>
              <xsd:enumeration value="DESA Remote"/>
              <xsd:enumeration value="DFSMS"/>
              <xsd:enumeration value="DFSORT"/>
              <xsd:enumeration value="DGA Report Viewer"/>
              <xsd:enumeration value="DHIN (DE Health Information Network)"/>
              <xsd:enumeration value="DICPR"/>
              <xsd:enumeration value="Digital Dining"/>
              <xsd:enumeration value="Discipline Database # 1"/>
              <xsd:enumeration value="DisclosureTrac"/>
              <xsd:enumeration value="Diskeeper for Windows NT4 servers"/>
              <xsd:enumeration value="Docutrak"/>
              <xsd:enumeration value="Dolphin Imaging Plus"/>
              <xsd:enumeration value="Doro PDF"/>
              <xsd:enumeration value="Dragon (IS Only)"/>
              <xsd:enumeration value="Dragon Enterprise # 10.1"/>
              <xsd:enumeration value="Dragon Medical 360 Network Edition"/>
              <xsd:enumeration value="DropBox"/>
              <xsd:enumeration value="DrugPak"/>
              <xsd:enumeration value="DSF"/>
              <xsd:enumeration value="DW MOTIF"/>
              <xsd:enumeration value="DYL 280-II"/>
              <xsd:enumeration value="DYL IMS-INT"/>
              <xsd:enumeration value="eAppraisal"/>
              <xsd:enumeration value="EasiMap"/>
              <xsd:enumeration value="EasyPrint (Medicare Remit Easy Print - MREP)"/>
              <xsd:enumeration value="eBroselow"/>
              <xsd:enumeration value="eCareManager"/>
              <xsd:enumeration value="eCareOutReach"/>
              <xsd:enumeration value="Echo"/>
              <xsd:enumeration value="Echo Software"/>
              <xsd:enumeration value="ED Call Log"/>
              <xsd:enumeration value="ED Exceptional Patients"/>
              <xsd:enumeration value="ED Tracker CHR"/>
              <xsd:enumeration value="ED Tracker MED"/>
              <xsd:enumeration value="ED Tracker Reports"/>
              <xsd:enumeration value="ED Tracker WLM"/>
              <xsd:enumeration value="EDDS - Dictation"/>
              <xsd:enumeration value="eDispense"/>
              <xsd:enumeration value="EDS Provider Electronic Solution (PES)"/>
              <xsd:enumeration value="Educational Software (Residents PC Library)"/>
              <xsd:enumeration value="Effort Reporting"/>
              <xsd:enumeration value="ELCAP"/>
              <xsd:enumeration value="Electrical Receptacle Analyzer"/>
              <xsd:enumeration value="EMC Unisphere"/>
              <xsd:enumeration value="Emergency Announcements"/>
              <xsd:enumeration value="Emergency Department Data Warehouse"/>
              <xsd:enumeration value="Employee Assistance Program"/>
              <xsd:enumeration value="Employee Health Needlestick Application"/>
              <xsd:enumeration value="EMRConnect"/>
              <xsd:enumeration value="Encounter Form Editor (EFE)"/>
              <xsd:enumeration value="EndNote... Bibliographies Made Easy"/>
              <xsd:enumeration value="Endovascular Registry"/>
              <xsd:enumeration value="eNICQ - VON"/>
              <xsd:enumeration value="Enterprise Reports - DSAR"/>
              <xsd:enumeration value="ePath"/>
              <xsd:enumeration value="Epremis"/>
              <xsd:enumeration value="Epremis VNA"/>
              <xsd:enumeration value="ePrescibe"/>
              <xsd:enumeration value="ERAS"/>
              <xsd:enumeration value="EREP"/>
              <xsd:enumeration value="Erwin"/>
              <xsd:enumeration value="eScription EditScript"/>
              <xsd:enumeration value="eScription Emon"/>
              <xsd:enumeration value="eScription IntelliScript"/>
              <xsd:enumeration value="eScription NetScript"/>
              <xsd:enumeration value="eScription PrintScript/FaxScript"/>
              <xsd:enumeration value="eSignout"/>
              <xsd:enumeration value="eSignout(Medicine Rounds)"/>
              <xsd:enumeration value="eSignout(Surgical Rounds)"/>
              <xsd:enumeration value="Esker Fax"/>
              <xsd:enumeration value="Essentials of Critical Care Orientation"/>
              <xsd:enumeration value="Event Follow-Up Admin"/>
              <xsd:enumeration value="Event Reporting"/>
              <xsd:enumeration value="EVRS - Vital Statistics (WACDW)"/>
              <xsd:enumeration value="eWay"/>
              <xsd:enumeration value="Exceed (Hummingbird)"/>
              <xsd:enumeration value="Exchange 2003 Server"/>
              <xsd:enumeration value="Exercise Xpress"/>
              <xsd:enumeration value="EXITCare"/>
              <xsd:enumeration value="External Reviewer Chart Review"/>
              <xsd:enumeration value="External SMTP Address (Physicians Only)"/>
              <xsd:enumeration value="Falcon"/>
              <xsd:enumeration value="Fast Reorg Utility"/>
              <xsd:enumeration value="Fastlook DBMS"/>
              <xsd:enumeration value="FDA website"/>
              <xsd:enumeration value="FilePro"/>
              <xsd:enumeration value="FireFox"/>
              <xsd:enumeration value="Firefox # 20"/>
              <xsd:enumeration value="FirstData Global Gateway"/>
              <xsd:enumeration value="FitPlus"/>
              <xsd:enumeration value="Flashpoint"/>
              <xsd:enumeration value="FluTracker"/>
              <xsd:enumeration value="FM for Fire (Facilities Mgr for Fire)"/>
              <xsd:enumeration value="FOCUS"/>
              <xsd:enumeration value="FOD ADMIN"/>
              <xsd:enumeration value="Foodworks"/>
              <xsd:enumeration value="Forefront Online Protection for Exchange (MEHS)"/>
              <xsd:enumeration value="Forms On Demand"/>
              <xsd:enumeration value="Formulary Editor Dynatex"/>
              <xsd:enumeration value="Formulary: Lexi-Comp Internet Version"/>
              <xsd:enumeration value="FORTRAN"/>
              <xsd:enumeration value="FreeStyle Connect"/>
              <xsd:enumeration value="FrontPage"/>
              <xsd:enumeration value="FRX Reporter"/>
              <xsd:enumeration value="FSI WinPro Systems"/>
              <xsd:enumeration value="GEMMS One"/>
              <xsd:enumeration value="General Portal Announcements"/>
              <xsd:enumeration value="Get Well Network"/>
              <xsd:enumeration value="Ghost"/>
              <xsd:enumeration value="Glucose POC"/>
              <xsd:enumeration value="Good Mail Syncing"/>
              <xsd:enumeration value="Google Chrome"/>
              <xsd:enumeration value="Google Drive"/>
              <xsd:enumeration value="GoSystems"/>
              <xsd:enumeration value="GPNet"/>
              <xsd:enumeration value="GPower"/>
              <xsd:enumeration value="GSS"/>
              <xsd:enumeration value="HBOEDUC"/>
              <xsd:enumeration value="HDX (eligibility)"/>
              <xsd:enumeration value="Healthy Beginnings"/>
              <xsd:enumeration value="Heartland Carcinoids"/>
              <xsd:enumeration value="HEARTSTART: Event Review Pro"/>
              <xsd:enumeration value="Heat Administrator Plus"/>
              <xsd:enumeration value="HEAT Mobile"/>
              <xsd:enumeration value="Heat Mobile Blackberry"/>
              <xsd:enumeration value="Heat Mobile Website"/>
              <xsd:enumeration value="HEAT Service &amp; Support"/>
              <xsd:enumeration value="HEAT Service &amp; Support HR"/>
              <xsd:enumeration value="HemoCue 201 DM DMS"/>
              <xsd:enumeration value="HIMS Physician Info"/>
              <xsd:enumeration value="HIS (Speical Authorization Only)"/>
              <xsd:enumeration value="HLASM"/>
              <xsd:enumeration value="HNAM(OS level)"/>
              <xsd:enumeration value="Holter Impresario"/>
              <xsd:enumeration value="Horizon Home Care"/>
              <xsd:enumeration value="Horizon Physician Portal"/>
              <xsd:enumeration value="Horizon Telephony"/>
              <xsd:enumeration value="Horizon Wishing Well"/>
              <xsd:enumeration value="HostExplorer for Medicare Connectivity"/>
              <xsd:enumeration value="HP Systems Insight Manager"/>
              <xsd:enumeration value="HP Web Jetadmin"/>
              <xsd:enumeration value="HP_Toner Order Form"/>
              <xsd:enumeration value="HR Non-Employee Web Form"/>
              <xsd:enumeration value="HR Online Manager"/>
              <xsd:enumeration value="HROnline"/>
              <xsd:enumeration value="HRS Pro Standard"/>
              <xsd:enumeration value="Human Resources Data Warehouse"/>
              <xsd:enumeration value="HVIS Patient Tracking"/>
              <xsd:enumeration value="Hyperion Admin and Reporting Tools"/>
              <xsd:enumeration value="Hyperion Smart View"/>
              <xsd:enumeration value="Hyperion Web-based Budgeting"/>
              <xsd:enumeration value="IC Utilities"/>
              <xsd:enumeration value="Imaging Data Warehouse"/>
              <xsd:enumeration value="Imperva SecureSphere"/>
              <xsd:enumeration value="Implant Tracking"/>
              <xsd:enumeration value="IMS Data Base Tools"/>
              <xsd:enumeration value="IMS/ESA"/>
              <xsd:enumeration value="Incident Reporting"/>
              <xsd:enumeration value="Indigovision"/>
              <xsd:enumeration value="Infopak"/>
              <xsd:enumeration value="Insight (Patient Self Assessment)"/>
              <xsd:enumeration value="Insite"/>
              <xsd:enumeration value="Intelicode 5.3.2"/>
              <xsd:enumeration value="Intergy"/>
              <xsd:enumeration value="Intergy Electronic Health Record -"/>
              <xsd:enumeration value="Intergy Practice Analytics"/>
              <xsd:enumeration value="Internet Explorer 10"/>
              <xsd:enumeration value="Internet Explorer 7"/>
              <xsd:enumeration value="Internet Explorer 8"/>
              <xsd:enumeration value="Internet Explorer 9"/>
              <xsd:enumeration value="Internet Information Server W2k Server"/>
              <xsd:enumeration value="Internet Security &amp; Acceleration Server (ISA)"/>
              <xsd:enumeration value="Internet Social Networking Sites"/>
              <xsd:enumeration value="IQA"/>
              <xsd:enumeration value="IRBANA"/>
              <xsd:enumeration value="Iron Mountain Connect"/>
              <xsd:enumeration value="ISChanges"/>
              <xsd:enumeration value="iSite Enterprise"/>
              <xsd:enumeration value="iSite Radiology (For Radiologists ONLY)"/>
              <xsd:enumeration value="ISMN"/>
              <xsd:enumeration value="ISPF"/>
              <xsd:enumeration value="ISPF/PDF"/>
              <xsd:enumeration value="ITChangeExport"/>
              <xsd:enumeration value="iteraplan"/>
              <xsd:enumeration value="Java"/>
              <xsd:enumeration value="JAWS"/>
              <xsd:enumeration value="JES2"/>
              <xsd:enumeration value="JHS"/>
              <xsd:enumeration value="JOBTRAC"/>
              <xsd:enumeration value="JReports"/>
              <xsd:enumeration value="Juniper"/>
              <xsd:enumeration value="Junos Pulse"/>
              <xsd:enumeration value="KPI - Scorecard Builder"/>
              <xsd:enumeration value="Kronos Work Force Central"/>
              <xsd:enumeration value="Kronos Work Force Central - VNA"/>
              <xsd:enumeration value="Lab Announcements"/>
              <xsd:enumeration value="Labcorp Website"/>
              <xsd:enumeration value="Labor Management Reporting"/>
              <xsd:enumeration value="LaborSoft"/>
              <xsd:enumeration value="LabScheduler"/>
              <xsd:enumeration value="Lantis"/>
              <xsd:enumeration value="Liberty"/>
              <xsd:enumeration value="LIBRARIAN"/>
              <xsd:enumeration value="LIS - Laboratory (HNA)"/>
              <xsd:enumeration value="Live Meeting Organizer, Microsoft"/>
              <xsd:enumeration value="Live Meeting, Easy Assist"/>
              <xsd:enumeration value="LMSpublic"/>
              <xsd:enumeration value="Load Plus"/>
              <xsd:enumeration value="Loginnt"/>
              <xsd:enumeration value="Logmein.com (special install and rarely used)"/>
              <xsd:enumeration value="Lync"/>
              <xsd:enumeration value="Lynx Messenger"/>
              <xsd:enumeration value="LynxNet"/>
              <xsd:enumeration value="M3"/>
              <xsd:enumeration value="Magic for Windows"/>
              <xsd:enumeration value="MalwareBytes"/>
              <xsd:enumeration value="Manager Resources/Supervisors Manual"/>
              <xsd:enumeration value="MapPoint"/>
              <xsd:enumeration value="Materiels Management Data Warehouse (PMMDW)"/>
              <xsd:enumeration value="Mayo Reference Lab Interface"/>
              <xsd:enumeration value="Mediasite"/>
              <xsd:enumeration value="Medical Gas Outlet Analyzer"/>
              <xsd:enumeration value="Medicare I/P List"/>
              <xsd:enumeration value="MedNet"/>
              <xsd:enumeration value="Medtronic PaceArt"/>
              <xsd:enumeration value="Message Pro"/>
              <xsd:enumeration value="MET"/>
              <xsd:enumeration value="METRIQ"/>
              <xsd:enumeration value="Mezzia (VFA)"/>
              <xsd:enumeration value="MFMU Calculator"/>
              <xsd:enumeration value="MGA"/>
              <xsd:enumeration value="Micromedex"/>
              <xsd:enumeration value="Microniche"/>
              <xsd:enumeration value="Microsoft Active Sync 4.2"/>
              <xsd:enumeration value="Microsoft Office SharePoint Server 2007"/>
              <xsd:enumeration value="Midas Care Management"/>
              <xsd:enumeration value="Millennium"/>
              <xsd:enumeration value="Milt Medidose"/>
              <xsd:enumeration value="MindManager - Enterprise Edition"/>
              <xsd:enumeration value="MMF (My Medical Files)"/>
              <xsd:enumeration value="Mobile Mail Sync"/>
              <xsd:enumeration value="MobileIron"/>
              <xsd:enumeration value="mobileMicroMedex"/>
              <xsd:enumeration value="MOMS"/>
              <xsd:enumeration value="Monarch Pro"/>
              <xsd:enumeration value="Mosaiq"/>
              <xsd:enumeration value="MPI Backup"/>
              <xsd:enumeration value="MRV LX Server GUI Console"/>
              <xsd:enumeration value="MS ActiveSync"/>
              <xsd:enumeration value="MSDN Library (Developers Only)"/>
              <xsd:enumeration value="Multinet"/>
              <xsd:enumeration value="MyDTCC"/>
              <xsd:enumeration value="MyTricare ASP"/>
              <xsd:enumeration value="NarcStation"/>
              <xsd:enumeration value="National Hospital Discharge Survey - US Census Bur"/>
              <xsd:enumeration value="National Perinatal Information Center (NPIC)"/>
              <xsd:enumeration value="National Registry of CPR"/>
              <xsd:enumeration value="NeoFaxWeb"/>
              <xsd:enumeration value="NetBackup Data Center"/>
              <xsd:enumeration value="Netpass"/>
              <xsd:enumeration value="Netsight"/>
              <xsd:enumeration value="Network Infrastructure"/>
              <xsd:enumeration value="Neuron"/>
              <xsd:enumeration value="NICH Improvement Lab"/>
              <xsd:enumeration value="NicVue - Digital EEG System"/>
              <xsd:enumeration value="NIS/HRF (NICU)"/>
              <xsd:enumeration value="NMIS"/>
              <xsd:enumeration value="No Screen Saver (IS Only)"/>
              <xsd:enumeration value="Noah"/>
              <xsd:enumeration value="Note Pager Pro"/>
              <xsd:enumeration value="NSQIP Nurse Workstation Software"/>
              <xsd:enumeration value="NTSCHK"/>
              <xsd:enumeration value="Nursing Procedures"/>
              <xsd:enumeration value="Nutrihand"/>
              <xsd:enumeration value="Nutrition Recipe Analysis"/>
              <xsd:enumeration value="OATS"/>
              <xsd:enumeration value="OB Link"/>
              <xsd:enumeration value="OBIS"/>
              <xsd:enumeration value="Obstetrics Registry"/>
              <xsd:enumeration value="ODBC - DSAR DB2"/>
              <xsd:enumeration value="Office 2010"/>
              <xsd:enumeration value="Office Depot"/>
              <xsd:enumeration value="Office Electronic Medical Record Data Warehouse"/>
              <xsd:enumeration value="Olie"/>
              <xsd:enumeration value="Omnipro"/>
              <xsd:enumeration value="OnBase 11"/>
              <xsd:enumeration value="Oncology Interactive Education Series"/>
              <xsd:enumeration value="OnDemand"/>
              <xsd:enumeration value="OneStaff"/>
              <xsd:enumeration value="OneTouch"/>
              <xsd:enumeration value="OneTouch DataLink Data Management System"/>
              <xsd:enumeration value="OneTouch DataLink Web"/>
              <xsd:enumeration value="Operational Data Store (ODS) Data Warehouse"/>
              <xsd:enumeration value="OPS/MVS"/>
              <xsd:enumeration value="Optimed Optibrowse"/>
              <xsd:enumeration value="OR Schedule on Intranet"/>
              <xsd:enumeration value="Oracle (IT Only)"/>
              <xsd:enumeration value="OTTR"/>
              <xsd:enumeration value="Outlook"/>
              <xsd:enumeration value="OZ eSp"/>
              <xsd:enumeration value="PacsScan"/>
              <xsd:enumeration value="Palm Hotsynch Manager"/>
              <xsd:enumeration value="Pancreas Data Collection Form"/>
              <xsd:enumeration value="PassfiltPro"/>
              <xsd:enumeration value="PastPerfect"/>
              <xsd:enumeration value="PASW Statistics"/>
              <xsd:enumeration value="Pathlore"/>
              <xsd:enumeration value="Pathlore LMS Connect (Manager/Educator)"/>
              <xsd:enumeration value="PATHs"/>
              <xsd:enumeration value="Patient Lists"/>
              <xsd:enumeration value="Patient Tracking NonInvasive"/>
              <xsd:enumeration value="PatientContext"/>
              <xsd:enumeration value="PC-ACE Pro32"/>
              <xsd:enumeration value="PcAnywhere"/>
              <xsd:enumeration value="PCP Communicator Application"/>
              <xsd:enumeration value="PDF Editor"/>
              <xsd:enumeration value="Peachtree"/>
              <xsd:enumeration value="Peachtree Quantum 2011"/>
              <xsd:enumeration value="Pediatrics Procedures Tracking"/>
              <xsd:enumeration value="Pending Discharges Physician View"/>
              <xsd:enumeration value="Perioperative Services Data Warehouse"/>
              <xsd:enumeration value="Person Identification Data Warehouse (PIDW)"/>
              <xsd:enumeration value="Personal Health Record"/>
              <xsd:enumeration value="Pervasive SQL (IS Only)"/>
              <xsd:enumeration value="PFM (Pathways Financial Manager)"/>
              <xsd:enumeration value="PG Calc Planned Giving Manager (PGM)"/>
              <xsd:enumeration value="PharmNet Millennium"/>
              <xsd:enumeration value="Phone Tree"/>
              <xsd:enumeration value="Photoshop"/>
              <xsd:enumeration value="Physician Directory"/>
              <xsd:enumeration value="Physician Directory"/>
              <xsd:enumeration value="Physician Office Staff Request"/>
              <xsd:enumeration value="Physician Prescription Form"/>
              <xsd:enumeration value="Physician Privileges"/>
              <xsd:enumeration value="Picture Perfect"/>
              <xsd:enumeration value="Pinnacle"/>
              <xsd:enumeration value="Pinnacle Studio Plus"/>
              <xsd:enumeration value="Pinnacle Studio version 9"/>
              <xsd:enumeration value="PL/I"/>
              <xsd:enumeration value="Plato"/>
              <xsd:enumeration value="PMM E-Requisitioning Supply Source"/>
              <xsd:enumeration value="PMM on Citrix"/>
              <xsd:enumeration value="PMM REPORTS"/>
              <xsd:enumeration value="PMM Supply Chain Analytics"/>
              <xsd:enumeration value="PMM-MM-AP-Purch Thick Application"/>
              <xsd:enumeration value="Point Recognition"/>
              <xsd:enumeration value="POMS"/>
              <xsd:enumeration value="Powerchart"/>
              <xsd:enumeration value="PowerChart - Orders"/>
              <xsd:enumeration value="PowerChart – Depart"/>
              <xsd:enumeration value="PowerChart – Forms"/>
              <xsd:enumeration value="PowerChart – Lists"/>
              <xsd:enumeration value="PowerChart – MedRec"/>
              <xsd:enumeration value="PowerChart – Phys Documentation"/>
              <xsd:enumeration value="Powerchute Plus NT4 Server"/>
              <xsd:enumeration value="PowerScan"/>
              <xsd:enumeration value="PowerScribe"/>
              <xsd:enumeration value="Practitioner Data Warehouse"/>
              <xsd:enumeration value="Pressure Ulcer Monitor"/>
              <xsd:enumeration value="Primal Pictures"/>
              <xsd:enumeration value="Primary Care Provider List for ED"/>
              <xsd:enumeration value="Primo PDF"/>
              <xsd:enumeration value="Primordial"/>
              <xsd:enumeration value="PRISM"/>
              <xsd:enumeration value="PROAce32"/>
              <xsd:enumeration value="Procomm Plus"/>
              <xsd:enumeration value="Progeny Enterprise"/>
              <xsd:enumeration value="Project Professional (IT ONLY)"/>
              <xsd:enumeration value="Project Standard"/>
              <xsd:enumeration value="Project Web Access (IT ONLY)"/>
              <xsd:enumeration value="ProPalm Connection Manager"/>
              <xsd:enumeration value="Provation"/>
              <xsd:enumeration value="Provider Application"/>
              <xsd:enumeration value="Provider ID (Softmed)"/>
              <xsd:enumeration value="Provisioning Console Manager - Field Staff"/>
              <xsd:enumeration value="Provisioning Console Manager Admin"/>
              <xsd:enumeration value="Prowl"/>
              <xsd:enumeration value="PSymantec Cricital System Protection"/>
              <xsd:enumeration value="PureWellness"/>
              <xsd:enumeration value="Pythagoras EDC"/>
              <xsd:enumeration value="QD Portal"/>
              <xsd:enumeration value="QML"/>
              <xsd:enumeration value="QS (OBIS)"/>
              <xsd:enumeration value="QS/1"/>
              <xsd:enumeration value="Quantim"/>
              <xsd:enumeration value="Quantity One"/>
              <xsd:enumeration value="Quark Express"/>
              <xsd:enumeration value="Quest Website"/>
              <xsd:enumeration value="Quick Check"/>
              <xsd:enumeration value="QuickAddressPro"/>
              <xsd:enumeration value="Quickbase"/>
              <xsd:enumeration value="QuickDoc"/>
              <xsd:enumeration value="Quickref"/>
              <xsd:enumeration value="Quicktime"/>
              <xsd:enumeration value="Quota Manager"/>
              <xsd:enumeration value="R4 Maternal Fetal Medicine Ultra Sound System"/>
              <xsd:enumeration value="Raisers Edge"/>
              <xsd:enumeration value="Rate Manager"/>
              <xsd:enumeration value="RAVE Reviews Website"/>
              <xsd:enumeration value="RealPlayer"/>
              <xsd:enumeration value="RealPlayer"/>
              <xsd:enumeration value="Recognition Order Admin Access"/>
              <xsd:enumeration value="RedGate SQL Bundle"/>
              <xsd:enumeration value="RefWorks"/>
              <xsd:enumeration value="Registation Quality Assurance Database"/>
              <xsd:enumeration value="Registry Dental Implant"/>
              <xsd:enumeration value="Remark Classic OMR"/>
              <xsd:enumeration value="Remon2G"/>
              <xsd:enumeration value="Remote Access"/>
              <xsd:enumeration value="Remote Assist - IS Only"/>
              <xsd:enumeration value="Remote Desktop"/>
              <xsd:enumeration value="Remote Desktop (IT Only for machine support)"/>
              <xsd:enumeration value="Res-A-Track"/>
              <xsd:enumeration value="Researchers Edge"/>
              <xsd:enumeration value="Resident Data Warehouse (ResDW)"/>
              <xsd:enumeration value="Resource Access Control Facility (RACF)"/>
              <xsd:enumeration value="Resource Scheduler"/>
              <xsd:enumeration value="Respiratory Data Warehouse (RTDW)"/>
              <xsd:enumeration value="Respiratory Self-Evaluation Software"/>
              <xsd:enumeration value="Responder Five"/>
              <xsd:enumeration value="Restricted Internet"/>
              <xsd:enumeration value="Returnity+"/>
              <xsd:enumeration value="Reviewer Portal Patient List"/>
              <xsd:enumeration value="Reviewer Web Access"/>
              <xsd:enumeration value="Rimage CD Burner"/>
              <xsd:enumeration value="RIS - Radiology (HNA)"/>
              <xsd:enumeration value="RiskMaster"/>
              <xsd:enumeration value="RMF"/>
              <xsd:enumeration value="RoboEngine"/>
              <xsd:enumeration value="RoboInfo Publisher"/>
              <xsd:enumeration value="Rocky Mountain Cancer Registry"/>
              <xsd:enumeration value="RTA"/>
              <xsd:enumeration value="RX Auditor"/>
              <xsd:enumeration value="Safari"/>
              <xsd:enumeration value="Safari Books Online"/>
              <xsd:enumeration value="Safety First Announcement"/>
              <xsd:enumeration value="Safety Surviellor"/>
              <xsd:enumeration value="SAM - PersonInfo Lookup (Badge Lookup)"/>
              <xsd:enumeration value="SAM Admin"/>
              <xsd:enumeration value="SAM Web Forms"/>
              <xsd:enumeration value="SAP Crystal Reports Viewer"/>
              <xsd:enumeration value="SAS"/>
              <xsd:enumeration value="SCCM"/>
              <xsd:enumeration value="School Health Care Online"/>
              <xsd:enumeration value="SDSF"/>
              <xsd:enumeration value="Secondary Index Utility"/>
              <xsd:enumeration value="Secure Meeting"/>
              <xsd:enumeration value="SecurityCenter"/>
              <xsd:enumeration value="Serverdocs"/>
              <xsd:enumeration value="Service Interruption"/>
              <xsd:enumeration value="Service Interruption Announcement"/>
              <xsd:enumeration value="Service Interruption Follow-Up"/>
              <xsd:enumeration value="ServiceHub"/>
              <xsd:enumeration value="Sharepoint Team Services"/>
              <xsd:enumeration value="ShockWatch"/>
              <xsd:enumeration value="SHP RME Online"/>
              <xsd:enumeration value="Signature - SMS Version 27"/>
              <xsd:enumeration value="Silverlight"/>
              <xsd:enumeration value="SimPlant 12.03"/>
              <xsd:enumeration value="SiteMaker"/>
              <xsd:enumeration value="SkillPort"/>
              <xsd:enumeration value="Skillsoft Knowledge Center Editor"/>
              <xsd:enumeration value="Smartstar"/>
              <xsd:enumeration value="SmartStream"/>
              <xsd:enumeration value="SmartWorks"/>
              <xsd:enumeration value="Smartworks Clinical Enterprise"/>
              <xsd:enumeration value="SMP/E"/>
              <xsd:enumeration value="SnagIT"/>
              <xsd:enumeration value="Snapshot Viewer"/>
              <xsd:enumeration value="Soarian DSS"/>
              <xsd:enumeration value="Soarian Financials"/>
              <xsd:enumeration value="Soarian IETools"/>
              <xsd:enumeration value="Soarian Scheduling"/>
              <xsd:enumeration value="Soft LIS"/>
              <xsd:enumeration value="SoftMed (for HIMS use only)"/>
              <xsd:enumeration value="SoftUpdate"/>
              <xsd:enumeration value="Somnostar Pro - Sleep Diagnostic Application"/>
              <xsd:enumeration value="Sona Speech"/>
              <xsd:enumeration value="SourceSafe"/>
              <xsd:enumeration value="Spectrum"/>
              <xsd:enumeration value="Spine Surgery Data Warehouse (SSDW)"/>
              <xsd:enumeration value="SQL Server 2000 Developers Edition"/>
              <xsd:enumeration value="SQL Server 2005 Developers Edition"/>
              <xsd:enumeration value="SQL Server 2005 Management Studio (client)"/>
              <xsd:enumeration value="SQL Server 2008 client Management Studio"/>
              <xsd:enumeration value="SRS"/>
              <xsd:enumeration value="SSLVPN"/>
              <xsd:enumeration value="SSPSS"/>
              <xsd:enumeration value="Sterile Processing Microsystems"/>
              <xsd:enumeration value="Sterile Processing QA Reports"/>
              <xsd:enumeration value="StudyCTMS"/>
              <xsd:enumeration value="Subversion Edge"/>
              <xsd:enumeration value="Supply Management Online (SMO)"/>
              <xsd:enumeration value="Supply Tracking for PMM"/>
              <xsd:enumeration value="SurgiNet Periop Doc &amp; Case Tracking (SnSurginet)"/>
              <xsd:enumeration value="SurgiNet Scheduling and Reporting"/>
              <xsd:enumeration value="Symantec AntiVirus Corporate Edition"/>
              <xsd:enumeration value="Symantec Cricital System Protection"/>
              <xsd:enumeration value="Symantec Endpoint Protection"/>
              <xsd:enumeration value="Syntrac"/>
              <xsd:enumeration value="System Access Management (SAM)"/>
              <xsd:enumeration value="TACT"/>
              <xsd:enumeration value="TDNet"/>
              <xsd:enumeration value="Team Pilot SSI / Dialogue"/>
              <xsd:enumeration value="TeamMate"/>
              <xsd:enumeration value="Teleform"/>
              <xsd:enumeration value="Teleform"/>
              <xsd:enumeration value="TeleHealth"/>
              <xsd:enumeration value="TeleVox Renal Transplant"/>
              <xsd:enumeration value="Televox-Housecalls"/>
              <xsd:enumeration value="Thomson Healthcare Advantage - Explore"/>
              <xsd:enumeration value="Thoracic Data Warehouse"/>
              <xsd:enumeration value="Thoracic DW Data Collection"/>
              <xsd:enumeration value="TLMS"/>
              <xsd:enumeration value="TMON/CICS"/>
              <xsd:enumeration value="TMON/MVS"/>
              <xsd:enumeration value="TMS"/>
              <xsd:enumeration value="TortoiseSVN"/>
              <xsd:enumeration value="Total Recall"/>
              <xsd:enumeration value="TraceMaster Vue"/>
              <xsd:enumeration value="Tracs4Life"/>
              <xsd:enumeration value="Trauma Data Warehouse"/>
              <xsd:enumeration value="Trauma Outcomes Registry (Collector)"/>
              <xsd:enumeration value="Travax"/>
              <xsd:enumeration value="TREV"/>
              <xsd:enumeration value="TSI Fit Plus"/>
              <xsd:enumeration value="TSN (The Surveillance Network)"/>
              <xsd:enumeration value="TSO"/>
              <xsd:enumeration value="Turning Point 2K8"/>
              <xsd:enumeration value="UDS-PRO"/>
              <xsd:enumeration value="Ultipro - Back Office"/>
              <xsd:enumeration value="Ultipro - PrivilegedWebAccess (HR System)"/>
              <xsd:enumeration value="Ultipro US Explorer"/>
              <xsd:enumeration value="UltraEdit"/>
              <xsd:enumeration value="Unload Plus"/>
              <xsd:enumeration value="UPS Online Worldship"/>
              <xsd:enumeration value="UpToDate"/>
              <xsd:enumeration value="UpToDate - Pocket PC"/>
              <xsd:enumeration value="UserME!"/>
              <xsd:enumeration value="VARO/BYL"/>
              <xsd:enumeration value="VendorClear"/>
              <xsd:enumeration value="Vergence SSO"/>
              <xsd:enumeration value="Vergence SSO Admin"/>
              <xsd:enumeration value="Video Doctor Wlm"/>
              <xsd:enumeration value="Video Remote Interpretation"/>
              <xsd:enumeration value="Video Remote Interpretation (VRI)"/>
              <xsd:enumeration value="Visi Pitch"/>
              <xsd:enumeration value="Visio"/>
              <xsd:enumeration value="Visio Viewer"/>
              <xsd:enumeration value="VISION"/>
              <xsd:enumeration value="Visual C++ Runtime for Dragon NaturallySpeaking"/>
              <xsd:enumeration value="Visual Form Editor (VFE)"/>
              <xsd:enumeration value="Visual Studio .Net 2003 (IS Developers Only)"/>
              <xsd:enumeration value="Visual Studio .Net 2005 (IS Developers Only)"/>
              <xsd:enumeration value="Visual Studio .NET 2008 (IS Developers Only)"/>
              <xsd:enumeration value="Visual Studio .NET 2010 (IS Developers Only)"/>
              <xsd:enumeration value="Visual Studio .NET 2012 (IS Developers Only)"/>
              <xsd:enumeration value="Visual Studio 6.0 Enterprise (IS Only)"/>
              <xsd:enumeration value="Visual UML"/>
              <xsd:enumeration value="VMware vCenter"/>
              <xsd:enumeration value="VNA Physician Portal"/>
              <xsd:enumeration value="Vocera"/>
              <xsd:enumeration value="Volgistics"/>
              <xsd:enumeration value="VPS"/>
              <xsd:enumeration value="VPS/TSO"/>
              <xsd:enumeration value="Wasatch SoftRIP"/>
              <xsd:enumeration value="Weather View"/>
              <xsd:enumeration value="WebEOC"/>
              <xsd:enumeration value="WebForm Builder"/>
              <xsd:enumeration value="WebMD ASP"/>
              <xsd:enumeration value="WebMD Physician Look Up"/>
              <xsd:enumeration value="WebX"/>
              <xsd:enumeration value="When to Work"/>
              <xsd:enumeration value="Windows 7"/>
              <xsd:enumeration value="Windows 8"/>
              <xsd:enumeration value="Windows NT SQL Server Client"/>
              <xsd:enumeration value="Windows Vista SP1"/>
              <xsd:enumeration value="Windows XP Pro SP3"/>
              <xsd:enumeration value="WinDVD"/>
              <xsd:enumeration value="WinGlucofacts Professional"/>
              <xsd:enumeration value="WinSCP"/>
              <xsd:enumeration value="Wkrs Comp Claim"/>
              <xsd:enumeration value="wMAR"/>
              <xsd:enumeration value="Women and Children Data Warehouse (WACDW)"/>
              <xsd:enumeration value="Women and Childrens Concurrent Review"/>
              <xsd:enumeration value="WSS"/>
              <xsd:enumeration value="X/PTR - Accounts Payable"/>
              <xsd:enumeration value="X/PTR - HIS"/>
              <xsd:enumeration value="X/PTR - HRP Flex"/>
              <xsd:enumeration value="X/PTR - Operators / Tech Support (I.S. Only)"/>
              <xsd:enumeration value="X/PTR - Payroll"/>
              <xsd:enumeration value="X/PTR - SMS"/>
              <xsd:enumeration value="Xcelera Echo &amp; Cath"/>
              <xsd:enumeration value="XCLM"/>
              <xsd:enumeration value="XCOM for MVS"/>
              <xsd:enumeration value="Xeleris XFL"/>
              <xsd:enumeration value="XIM"/>
              <xsd:enumeration value="XIRIS"/>
              <xsd:enumeration value="XMRV LX Server GUI Console"/>
              <xsd:enumeration value="XPinnacle Studio Plus"/>
              <xsd:enumeration value="XPress Charts"/>
              <xsd:enumeration value="XRE"/>
              <xsd:enumeration value="XREAD"/>
              <xsd:enumeration value="XReviewer Portal Patient List"/>
              <xsd:enumeration value="Yammer"/>
              <xsd:enumeration value="Z-Power"/>
              <xsd:enumeration value="Z/OS (Mainframe)"/>
              <xsd:enumeration value="ZIX VPM"/>
            </xsd:restriction>
          </xsd:simpleType>
        </xsd:union>
      </xsd:simpleType>
    </xsd:element>
    <xsd:element name="HEAT_x0020_Group_x0020__x0028_temp_x0029_" ma:index="3" nillable="true" ma:displayName="HEAT Group" ma:format="Dropdown" ma:internalName="HEAT_x0020_Group_x0020__x0028_temp_x0029_">
      <xsd:simpleType>
        <xsd:union memberTypes="dms:Text">
          <xsd:simpleType>
            <xsd:restriction base="dms:Choice">
              <xsd:enumeration value="N/A"/>
              <xsd:enumeration value="3M_APR_DRG"/>
              <xsd:enumeration value="421M"/>
              <xsd:enumeration value="5AMTO9PMHOURSCALENDAR"/>
              <xsd:enumeration value="90DAY_SEP"/>
              <xsd:enumeration value="ACCESS_CNTR"/>
              <xsd:enumeration value="ACCESS_CNTR_2ND"/>
              <xsd:enumeration value="ACCESSANYWA"/>
              <xsd:enumeration value="ACCUMAX"/>
              <xsd:enumeration value="ACCUPEDIA"/>
              <xsd:enumeration value="ACTIONOIASP"/>
              <xsd:enumeration value="ACUDOSE"/>
              <xsd:enumeration value="ADMISSION WEBFORMS"/>
              <xsd:enumeration value="AEGIS"/>
              <xsd:enumeration value="AERIAL"/>
              <xsd:enumeration value="AIS_SWITCH"/>
              <xsd:enumeration value="ALICE_SLEEPWARE"/>
              <xsd:enumeration value="ALLIANCEDECISIONSUPPORT"/>
              <xsd:enumeration value="ALPHA_RVIEW"/>
              <xsd:enumeration value="ANALYZER"/>
              <xsd:enumeration value="ANNOUNCEMENTS"/>
              <xsd:enumeration value="AP/GL/ASSET"/>
              <xsd:enumeration value="AP_GEAC"/>
              <xsd:enumeration value="APC"/>
              <xsd:enumeration value="APEQHRFORTE"/>
              <xsd:enumeration value="APEX"/>
              <xsd:enumeration value="APOLLO"/>
              <xsd:enumeration value="APOLLO_BILL"/>
              <xsd:enumeration value="APOLLO_INTF"/>
              <xsd:enumeration value="APP_DEV"/>
              <xsd:enumeration value="ARCHIBUS"/>
              <xsd:enumeration value="AUDITMATE"/>
              <xsd:enumeration value="AUTHORIA"/>
              <xsd:enumeration value="AUTOCAD"/>
              <xsd:enumeration value="AUTOMATION"/>
              <xsd:enumeration value="AWAREPOINT"/>
              <xsd:enumeration value="AWARESURGICAL"/>
              <xsd:enumeration value="BADGE_LABEL"/>
              <xsd:enumeration value="BEDMGMT"/>
              <xsd:enumeration value="BEDMGMT_ACCESSCTR"/>
              <xsd:enumeration value="BERNOULI"/>
              <xsd:enumeration value="BIVARUS"/>
              <xsd:enumeration value="BLACKBERRY"/>
              <xsd:enumeration value="BLACKBOARD_CONNECT"/>
              <xsd:enumeration value="BONEMAROWDB"/>
              <xsd:enumeration value="BRASSRINGS"/>
              <xsd:enumeration value="BREEZE"/>
              <xsd:enumeration value="BSDI"/>
              <xsd:enumeration value="BUSINESSOBJ"/>
              <xsd:enumeration value="BUSINESSOBJECT_ENT"/>
              <xsd:enumeration value="BWISE"/>
              <xsd:enumeration value="CAC"/>
              <xsd:enumeration value="CARDIOLOGY"/>
              <xsd:enumeration value="CARE_MGMT"/>
              <xsd:enumeration value="CAREFUSION"/>
              <xsd:enumeration value="CATISSUE"/>
              <xsd:enumeration value="CBAY"/>
              <xsd:enumeration value="CBAYINTRFCE"/>
              <xsd:enumeration value="CBAYSCRIBE"/>
              <xsd:enumeration value="CBORD POS"/>
              <xsd:enumeration value="CBORD-FMS"/>
              <xsd:enumeration value="CEDIRECT"/>
              <xsd:enumeration value="CENSITRAC"/>
              <xsd:enumeration value="CENTRAMAX"/>
              <xsd:enumeration value="CENTRICITY"/>
              <xsd:enumeration value="CHARGELOGDB"/>
              <xsd:enumeration value="CHARTCOMPLETION"/>
              <xsd:enumeration value="CHECKPOINT"/>
              <xsd:enumeration value="CIS"/>
              <xsd:enumeration value="CLIN_INFO_CSC"/>
              <xsd:enumeration value="CLINICAL_INFORMATICS"/>
              <xsd:enumeration value="CMDCTR_FIELD"/>
              <xsd:enumeration value="CMPLNCECHKR"/>
              <xsd:enumeration value="COCHLEAR"/>
              <xsd:enumeration value="CODECORRECT"/>
              <xsd:enumeration value="COI_SMART"/>
              <xsd:enumeration value="COLLAB_PUB_PERMS_REQ"/>
              <xsd:enumeration value="COLLABORATION_SITES"/>
              <xsd:enumeration value="COLLECTOR"/>
              <xsd:enumeration value="COMPARESUITE"/>
              <xsd:enumeration value="COMPASS"/>
              <xsd:enumeration value="COMPLIANCE_IT"/>
              <xsd:enumeration value="COMPUCOM"/>
              <xsd:enumeration value="CONEXION"/>
              <xsd:enumeration value="CPOE_SUPPORT"/>
              <xsd:enumeration value="CREDIT/IRBANA"/>
              <xsd:enumeration value="CRIS"/>
              <xsd:enumeration value="CRYSTAL_ENT"/>
              <xsd:enumeration value="CSC"/>
              <xsd:enumeration value="CSC_ESCALATION"/>
              <xsd:enumeration value="CSC_FIELD"/>
              <xsd:enumeration value="CSC_FIELD_CONF"/>
              <xsd:enumeration value="CSC_MSOFFICE"/>
              <xsd:enumeration value="CSC_SECOND"/>
              <xsd:enumeration value="CSC_THIRD"/>
              <xsd:enumeration value="CTD"/>
              <xsd:enumeration value="DART"/>
              <xsd:enumeration value="DATA_DICT"/>
              <xsd:enumeration value="DATA_WAREHS"/>
              <xsd:enumeration value="DATAMOVERS"/>
              <xsd:enumeration value="DBA_DATASVC"/>
              <xsd:enumeration value="DEPLOY_SVCS"/>
              <xsd:enumeration value="DEPTS"/>
              <xsd:enumeration value="DESA REMOTE"/>
              <xsd:enumeration value="DEZINE"/>
              <xsd:enumeration value="DHIN"/>
              <xsd:enumeration value="DICPR"/>
              <xsd:enumeration value="DKD"/>
              <xsd:enumeration value="DNTFACLPLNR"/>
              <xsd:enumeration value="DNTLSURGASP"/>
              <xsd:enumeration value="DOCMODIFY"/>
              <xsd:enumeration value="DOLPHINIMGE"/>
              <xsd:enumeration value="DOSEEDGE"/>
              <xsd:enumeration value="DRAGON"/>
              <xsd:enumeration value="DRAGON_NETWORK"/>
              <xsd:enumeration value="DSAPPS"/>
              <xsd:enumeration value="DSCPR"/>
              <xsd:enumeration value="DSKSOLUTION"/>
              <xsd:enumeration value="DSMOBILE"/>
              <xsd:enumeration value="DSMOVE"/>
              <xsd:enumeration value="DSNURSING"/>
              <xsd:enumeration value="DSPLANNER"/>
              <xsd:enumeration value="DSPRINTER"/>
              <xsd:enumeration value="DSTECH"/>
              <xsd:enumeration value="DSTECH_BUSINESS"/>
              <xsd:enumeration value="DSTECH_CLINICAL"/>
              <xsd:enumeration value="DSTECH_OVERFLOW"/>
              <xsd:enumeration value="DSWIRING"/>
              <xsd:enumeration value="E-Z_TIME"/>
              <xsd:enumeration value="EAP"/>
              <xsd:enumeration value="EASYPRINT"/>
              <xsd:enumeration value="ECARE"/>
              <xsd:enumeration value="ECARE_CE"/>
              <xsd:enumeration value="ECARE_INTERFACES"/>
              <xsd:enumeration value="ECHO"/>
              <xsd:enumeration value="ECHOLAB"/>
              <xsd:enumeration value="ED_REGISTRY"/>
              <xsd:enumeration value="EDCALLLOG"/>
              <xsd:enumeration value="EDCTR"/>
              <xsd:enumeration value="EDCTRSYSMGR"/>
              <xsd:enumeration value="EDDS"/>
              <xsd:enumeration value="EDDS_IS"/>
              <xsd:enumeration value="EDDSDICTATE"/>
              <xsd:enumeration value="EDDSMGTCON"/>
              <xsd:enumeration value="EDS"/>
              <xsd:enumeration value="EDTRACKER"/>
              <xsd:enumeration value="EIM_OPS"/>
              <xsd:enumeration value="ELCAP"/>
              <xsd:enumeration value="ELECBRTHCRT"/>
              <xsd:enumeration value="ELECMEDLBRY"/>
              <xsd:enumeration value="EMP_NEEDLE"/>
              <xsd:enumeration value="EMPIRE"/>
              <xsd:enumeration value="EMUE"/>
              <xsd:enumeration value="ENDICIA"/>
              <xsd:enumeration value="ENDOVAS_REG"/>
              <xsd:enumeration value="ENERGYCAP"/>
              <xsd:enumeration value="ENIQ_VON"/>
              <xsd:enumeration value="EPATH"/>
              <xsd:enumeration value="EPI_INFO"/>
              <xsd:enumeration value="EPLIST"/>
              <xsd:enumeration value="EPREMIS"/>
              <xsd:enumeration value="ERAS"/>
              <xsd:enumeration value="ESCRIPTION"/>
              <xsd:enumeration value="ESI"/>
              <xsd:enumeration value="ESI_APPS"/>
              <xsd:enumeration value="ESI_OPS_MSG"/>
              <xsd:enumeration value="ESKER_FAX"/>
              <xsd:enumeration value="EVENTRPTING"/>
              <xsd:enumeration value="EWAY"/>
              <xsd:enumeration value="EXITCARE"/>
              <xsd:enumeration value="EXTERNALCONNECT"/>
              <xsd:enumeration value="FASTLOOK"/>
              <xsd:enumeration value="FAXSENIOR"/>
              <xsd:enumeration value="FIRSTDATA"/>
              <xsd:enumeration value="FITPLUS"/>
              <xsd:enumeration value="FITPLUS_HLTH_INIT"/>
              <xsd:enumeration value="FM_FOR_FIRE"/>
              <xsd:enumeration value="FNDATIONSTE"/>
              <xsd:enumeration value="FOD"/>
              <xsd:enumeration value="FOUR_RIVERS"/>
              <xsd:enumeration value="GEMMS"/>
              <xsd:enumeration value="GENESYS"/>
              <xsd:enumeration value="GERIMENU"/>
              <xsd:enumeration value="GETWELLNETWORK"/>
              <xsd:enumeration value="GMPI"/>
              <xsd:enumeration value="GOODMAILSYNC"/>
              <xsd:enumeration value="GPNET"/>
              <xsd:enumeration value="GRANTADMIN"/>
              <xsd:enumeration value="HALOGEN"/>
              <xsd:enumeration value="HDX_ELIG"/>
              <xsd:enumeration value="HEAT_ADMIN"/>
              <xsd:enumeration value="HEAT_MOBILE"/>
              <xsd:enumeration value="HIMS_MPI"/>
              <xsd:enumeration value="HIS"/>
              <xsd:enumeration value="HIS/CCS"/>
              <xsd:enumeration value="HIS_BATCH"/>
              <xsd:enumeration value="HLTH_PLANS"/>
              <xsd:enumeration value="HLTH_RISK"/>
              <xsd:enumeration value="HME"/>
              <xsd:enumeration value="HNAC_LIS"/>
              <xsd:enumeration value="HNAC_RIS"/>
              <xsd:enumeration value="HNAC_SYSMGR"/>
              <xsd:enumeration value="HNAM_CHART"/>
              <xsd:enumeration value="HNAM_DB"/>
              <xsd:enumeration value="HNAM_ORDERS"/>
              <xsd:enumeration value="HNAM_POWER"/>
              <xsd:enumeration value="HNAM_PROFILE"/>
              <xsd:enumeration value="HNAM_SYSMGR"/>
              <xsd:enumeration value="HNAM_TRAIN"/>
              <xsd:enumeration value="HOMECARENET"/>
              <xsd:enumeration value="HORIZON_HHC"/>
              <xsd:enumeration value="HORIZON_SUN"/>
              <xsd:enumeration value="HP_MPS"/>
              <xsd:enumeration value="HP_TONER"/>
              <xsd:enumeration value="HRONLINE"/>
              <xsd:enumeration value="HVIS"/>
              <xsd:enumeration value="HYPERION"/>
              <xsd:enumeration value="ICS"/>
              <xsd:enumeration value="IDEAS"/>
              <xsd:enumeration value="IE_POLICY"/>
              <xsd:enumeration value="IMAGING"/>
              <xsd:enumeration value="INDIGOVISION"/>
              <xsd:enumeration value="INET"/>
              <xsd:enumeration value="INETUSERPTS"/>
              <xsd:enumeration value="INHOUSEBKUP"/>
              <xsd:enumeration value="INSIGHT"/>
              <xsd:enumeration value="INSPECTNTRACK"/>
              <xsd:enumeration value="INT_VOICE_PW"/>
              <xsd:enumeration value="INTELICODE"/>
              <xsd:enumeration value="INTELLICODE"/>
              <xsd:enumeration value="INTERFACE"/>
              <xsd:enumeration value="INTERGY"/>
              <xsd:enumeration value="INTRANET_SITES"/>
              <xsd:enumeration value="IROUND"/>
              <xsd:enumeration value="ISIS/APPS"/>
              <xsd:enumeration value="ISIS/MS_PC"/>
              <xsd:enumeration value="ISMN"/>
              <xsd:enumeration value="ISMN_PSWD"/>
              <xsd:enumeration value="ISS_NETWORK"/>
              <xsd:enumeration value="ISS_SERVER"/>
              <xsd:enumeration value="IT_TRAINING"/>
              <xsd:enumeration value="JREPORTS"/>
              <xsd:enumeration value="KEANE"/>
              <xsd:enumeration value="KPI"/>
              <xsd:enumeration value="KRONOS"/>
              <xsd:enumeration value="KRONOS_BADGE"/>
              <xsd:enumeration value="LDA_HIS"/>
              <xsd:enumeration value="LIFT-NET"/>
              <xsd:enumeration value="LMSPUBLIC"/>
              <xsd:enumeration value="LMSPUBLICSYSMGR"/>
              <xsd:enumeration value="LOGICIAN"/>
              <xsd:enumeration value="LYNC_2010"/>
              <xsd:enumeration value="LYNXNET"/>
              <xsd:enumeration value="MASTERCHART"/>
              <xsd:enumeration value="MBI"/>
              <xsd:enumeration value="MEDIABOARD"/>
              <xsd:enumeration value="MEDIMIZER"/>
              <xsd:enumeration value="MEDQUIST"/>
              <xsd:enumeration value="MENDS"/>
              <xsd:enumeration value="MESSAGEBOARD"/>
              <xsd:enumeration value="MESSAGEPRO"/>
              <xsd:enumeration value="MET"/>
              <xsd:enumeration value="METAFRAME"/>
              <xsd:enumeration value="METAFRAME_FOURTHLEVEL"/>
              <xsd:enumeration value="MEZZIA"/>
              <xsd:enumeration value="MFM_PATIENT"/>
              <xsd:enumeration value="MFM_ULTRASD"/>
              <xsd:enumeration value="MFMU_CALCS"/>
              <xsd:enumeration value="MGT_SYSTEMS"/>
              <xsd:enumeration value="MICROMEDEX"/>
              <xsd:enumeration value="MICRONICHE"/>
              <xsd:enumeration value="MICROTEST_Q"/>
              <xsd:enumeration value="MIDAS"/>
              <xsd:enumeration value="MIDAS_INTRF"/>
              <xsd:enumeration value="MILENIUM/AP"/>
              <xsd:enumeration value="MILKBANKDB"/>
              <xsd:enumeration value="MINITAB"/>
              <xsd:enumeration value="MMF"/>
              <xsd:enumeration value="MOBI_DEVICE"/>
              <xsd:enumeration value="MOBILE_IRON"/>
              <xsd:enumeration value="MOMS"/>
              <xsd:enumeration value="MONARCHPRO"/>
              <xsd:enumeration value="MONITORING"/>
              <xsd:enumeration value="MPI_BACKUP"/>
              <xsd:enumeration value="MSOFFICE2007"/>
              <xsd:enumeration value="MSOFFICE2010"/>
              <xsd:enumeration value="MTN_GOLIVE_CC"/>
              <xsd:enumeration value="MYLINKS"/>
              <xsd:enumeration value="MYTRICARE"/>
              <xsd:enumeration value="NBIA"/>
              <xsd:enumeration value="NCSS"/>
              <xsd:enumeration value="NEOFAXWEB"/>
              <xsd:enumeration value="NESSUS_SCAN"/>
              <xsd:enumeration value="NETBACKUP"/>
              <xsd:enumeration value="NEURON"/>
              <xsd:enumeration value="NICVIEW_NET"/>
              <xsd:enumeration value="NICVUE"/>
              <xsd:enumeration value="NIS/HRF"/>
              <xsd:enumeration value="NMIA"/>
              <xsd:enumeration value="NNIS"/>
              <xsd:enumeration value="NO_GROUP-IS_CHANGE_USE_ONLY"/>
              <xsd:enumeration value="NO_GROUP-IT_CHANGE_USE_ONLY"/>
              <xsd:enumeration value="NOC"/>
              <xsd:enumeration value="NPCPR_REG"/>
              <xsd:enumeration value="NURSCLN_RIV"/>
              <xsd:enumeration value="NURSE_ADMIN"/>
              <xsd:enumeration value="NURSE_CLIN"/>
              <xsd:enumeration value="NURSING_INFORMATICS"/>
              <xsd:enumeration value="NURSINGPROC"/>
              <xsd:enumeration value="OATS"/>
              <xsd:enumeration value="OATS_APPLICATION"/>
              <xsd:enumeration value="OATS_SERVER"/>
              <xsd:enumeration value="OBIS"/>
              <xsd:enumeration value="OBSTETRICS"/>
              <xsd:enumeration value="ODS"/>
              <xsd:enumeration value="OIS_NET"/>
              <xsd:enumeration value="OLIE"/>
              <xsd:enumeration value="OMNIPRO"/>
              <xsd:enumeration value="ONBASE"/>
              <xsd:enumeration value="ONCALL_TELE"/>
              <xsd:enumeration value="ONESTAFF"/>
              <xsd:enumeration value="OPERATIONS"/>
              <xsd:enumeration value="OPTIKA"/>
              <xsd:enumeration value="OPTIMED"/>
              <xsd:enumeration value="OR_SCHEDULE"/>
              <xsd:enumeration value="OS390"/>
              <xsd:enumeration value="OTTR"/>
              <xsd:enumeration value="OUTLOOK_RES"/>
              <xsd:enumeration value="OZ_ESP"/>
              <xsd:enumeration value="OZ_SIMS"/>
              <xsd:enumeration value="PACS"/>
              <xsd:enumeration value="PACS_CLIN"/>
              <xsd:enumeration value="PAGECENTERX"/>
              <xsd:enumeration value="PASS"/>
              <xsd:enumeration value="PASTPERFECT"/>
              <xsd:enumeration value="PASW"/>
              <xsd:enumeration value="PAT_RESTRNT"/>
              <xsd:enumeration value="PAT_SATISFA"/>
              <xsd:enumeration value="PATIENTPORTAL"/>
              <xsd:enumeration value="PATIENTRANS"/>
              <xsd:enumeration value="PATIENTSEARCH"/>
              <xsd:enumeration value="PC_SERVICES_CHR"/>
              <xsd:enumeration value="PC_SERVICES_MTN"/>
              <xsd:enumeration value="PC_SERVICES_PRT"/>
              <xsd:enumeration value="PC_SERVICES_SAT"/>
              <xsd:enumeration value="PC_SERVICES_WIREREQ"/>
              <xsd:enumeration value="PC_SERVICES_WLM"/>
              <xsd:enumeration value="PC_TELE_SERV_LDR"/>
              <xsd:enumeration value="PCAUTHORIZE"/>
              <xsd:enumeration value="PEACHTREE"/>
              <xsd:enumeration value="PEDS_RESIDT"/>
              <xsd:enumeration value="PFM_FRX"/>
              <xsd:enumeration value="PHARM_APPS"/>
              <xsd:enumeration value="PHY_REQUEST"/>
              <xsd:enumeration value="PHYS_CRED"/>
              <xsd:enumeration value="PHYS_DIR"/>
              <xsd:enumeration value="PHYS_ORG"/>
              <xsd:enumeration value="PHYS_PRIV"/>
              <xsd:enumeration value="PICIS"/>
              <xsd:enumeration value="PICTURE_PERFECT"/>
              <xsd:enumeration value="PMM"/>
              <xsd:enumeration value="PMO"/>
              <xsd:enumeration value="PMRI"/>
              <xsd:enumeration value="POMS"/>
              <xsd:enumeration value="PORTALS"/>
              <xsd:enumeration value="PORTALSNAVIGATN"/>
              <xsd:enumeration value="POWERUP"/>
              <xsd:enumeration value="PREV_MAINT"/>
              <xsd:enumeration value="PRISM"/>
              <xsd:enumeration value="PROBLEM_MGMT"/>
              <xsd:enumeration value="PROCITE"/>
              <xsd:enumeration value="PROD_CTRL"/>
              <xsd:enumeration value="PROGENY"/>
              <xsd:enumeration value="PROTRACK"/>
              <xsd:enumeration value="PROVATION"/>
              <xsd:enumeration value="PRTR_POLICY"/>
              <xsd:enumeration value="PUREWELLNESS"/>
              <xsd:enumeration value="QANAVIGATOR"/>
              <xsd:enumeration value="QAREPORTSDB"/>
              <xsd:enumeration value="QD_PORTAL"/>
              <xsd:enumeration value="QS1"/>
              <xsd:enumeration value="QUANTIM"/>
              <xsd:enumeration value="QUICKADDRESSPRO"/>
              <xsd:enumeration value="QUICKDOC"/>
              <xsd:enumeration value="R4_TELEMED"/>
              <xsd:enumeration value="RACF_ADMIN"/>
              <xsd:enumeration value="RAD_ONC"/>
              <xsd:enumeration value="RAISERS_EDGE"/>
              <xsd:enumeration value="RAISERSEDGE"/>
              <xsd:enumeration value="RCIS"/>
              <xsd:enumeration value="REDCAP"/>
              <xsd:enumeration value="REG_DTL_IMP"/>
              <xsd:enumeration value="REG_NRS_FLR"/>
              <xsd:enumeration value="REG_NRS_PLN"/>
              <xsd:enumeration value="REG_PSY_EAP"/>
              <xsd:enumeration value="REG_PUL_RHB"/>
              <xsd:enumeration value="REGISTRAR"/>
              <xsd:enumeration value="REMONG2"/>
              <xsd:enumeration value="REPTRAX"/>
              <xsd:enumeration value="RES_A_TRACK"/>
              <xsd:enumeration value="RESEARCHERS_EDGE"/>
              <xsd:enumeration value="RESTORES"/>
              <xsd:enumeration value="RETURNITY"/>
              <xsd:enumeration value="REVIEWER_PORTAL"/>
              <xsd:enumeration value="RFMS"/>
              <xsd:enumeration value="RIS"/>
              <xsd:enumeration value="RISKMASTER"/>
              <xsd:enumeration value="ROCKYMT"/>
              <xsd:enumeration value="ROUNDING_CSC_OPS"/>
              <xsd:enumeration value="RTA"/>
              <xsd:enumeration value="SAFETY_SURVEILLOR"/>
              <xsd:enumeration value="SAM"/>
              <xsd:enumeration value="SAN"/>
              <xsd:enumeration value="SANMAN"/>
              <xsd:enumeration value="SAS"/>
              <xsd:enumeration value="SATELLITES"/>
              <xsd:enumeration value="SCAN32"/>
              <xsd:enumeration value="SCCLIS"/>
              <xsd:enumeration value="SCCM"/>
              <xsd:enumeration value="SCHOOL_HLTH"/>
              <xsd:enumeration value="SCRIPTCENTER"/>
              <xsd:enumeration value="SECURITY_EVNT"/>
              <xsd:enumeration value="SECURITY_EVNT_HIMS"/>
              <xsd:enumeration value="SECURITYEVENT_PHI"/>
              <xsd:enumeration value="SEP_ALERT_ESCALATION"/>
              <xsd:enumeration value="SERV_DEPLOY"/>
              <xsd:enumeration value="SERV_DEPLOY_TECH"/>
              <xsd:enumeration value="SERV_WSUS"/>
              <xsd:enumeration value="SERVICEHUB"/>
              <xsd:enumeration value="SETNET"/>
              <xsd:enumeration value="SEVERITY4CALENDAR"/>
              <xsd:enumeration value="SHAREPOINT"/>
              <xsd:enumeration value="SHAREPOINT_TECHNICAL"/>
              <xsd:enumeration value="SHOCKWATCH"/>
              <xsd:enumeration value="SIMPLANT"/>
              <xsd:enumeration value="SIRT"/>
              <xsd:enumeration value="SKILLPORT"/>
              <xsd:enumeration value="SMARTLINK"/>
              <xsd:enumeration value="SMARTSTREAM"/>
              <xsd:enumeration value="SME_AD"/>
              <xsd:enumeration value="SME_ADFS"/>
              <xsd:enumeration value="SME_CITRIX"/>
              <xsd:enumeration value="SME_DBA"/>
              <xsd:enumeration value="SME_DRAGON"/>
              <xsd:enumeration value="SME_EXCHANGE"/>
              <xsd:enumeration value="SME_INFRA"/>
              <xsd:enumeration value="SME_LYNC"/>
              <xsd:enumeration value="SME_MOBILEIRON"/>
              <xsd:enumeration value="SME_NETWORK"/>
              <xsd:enumeration value="SME_POLICY"/>
              <xsd:enumeration value="SME_PRINTING"/>
              <xsd:enumeration value="SME_SCCM"/>
              <xsd:enumeration value="SME_SERVER"/>
              <xsd:enumeration value="SME_STORAGE"/>
              <xsd:enumeration value="SME_UNIX"/>
              <xsd:enumeration value="SME_VERGENCE"/>
              <xsd:enumeration value="SMS"/>
              <xsd:enumeration value="SOARIAN"/>
              <xsd:enumeration value="SOARIAN_PROJECT"/>
              <xsd:enumeration value="SOFTMED"/>
              <xsd:enumeration value="SOLUCIENT"/>
              <xsd:enumeration value="SOMNOSTAR"/>
              <xsd:enumeration value="SORIAN"/>
              <xsd:enumeration value="SOURCE_DIRECT"/>
              <xsd:enumeration value="SP4FEEDBACK"/>
              <xsd:enumeration value="SPEECHREC"/>
              <xsd:enumeration value="SPLUS"/>
              <xsd:enumeration value="SPM"/>
              <xsd:enumeration value="SPSS"/>
              <xsd:enumeration value="STAT_NURSE"/>
              <xsd:enumeration value="STATA13"/>
              <xsd:enumeration value="STATLOGDB"/>
              <xsd:enumeration value="STEAMEYE"/>
              <xsd:enumeration value="STOLAS"/>
              <xsd:enumeration value="STRATEGY_PL"/>
              <xsd:enumeration value="STRESSPROF"/>
              <xsd:enumeration value="SUPERDOC"/>
              <xsd:enumeration value="SURGERY"/>
              <xsd:enumeration value="SURGERY_REG"/>
              <xsd:enumeration value="SVC_CTR_ROUNDING"/>
              <xsd:enumeration value="SYNERGY_E"/>
              <xsd:enumeration value="SYNERGY_S"/>
              <xsd:enumeration value="SYSTEMADMIN"/>
              <xsd:enumeration value="TACT"/>
              <xsd:enumeration value="TAG"/>
              <xsd:enumeration value="TAG QA"/>
              <xsd:enumeration value="TEAM_MATE"/>
              <xsd:enumeration value="TELE-HEALTH"/>
              <xsd:enumeration value="TELE_LOC"/>
              <xsd:enumeration value="TELECOM_APP_ADMIN"/>
              <xsd:enumeration value="TELECOM_CPR"/>
              <xsd:enumeration value="TELECOM_FIELD"/>
              <xsd:enumeration value="TELECOM_INFRA"/>
              <xsd:enumeration value="TELECOM_PLANNER"/>
              <xsd:enumeration value="TELECOM_SVCS_CHR"/>
              <xsd:enumeration value="TELECOM_SVCS_SAT"/>
              <xsd:enumeration value="TELECOM_SVCS_WLM"/>
              <xsd:enumeration value="TELECOM_TECH"/>
              <xsd:enumeration value="TELECOM_WIRING"/>
              <xsd:enumeration value="TELEFORM"/>
              <xsd:enumeration value="TELEPHONY"/>
              <xsd:enumeration value="TELEVOX_CENTRICITY"/>
              <xsd:enumeration value="TELEVOX_RENAL"/>
              <xsd:enumeration value="THATSMYBABY"/>
              <xsd:enumeration value="THREAT_MANAGEMENT"/>
              <xsd:enumeration value="TITAN/FRX"/>
              <xsd:enumeration value="TMS"/>
              <xsd:enumeration value="TRACEMASTER"/>
              <xsd:enumeration value="TRACS4LIFE"/>
              <xsd:enumeration value="TRANS_LINK"/>
              <xsd:enumeration value="TRAUMAREG"/>
              <xsd:enumeration value="TRENDSTAR"/>
              <xsd:enumeration value="UC"/>
              <xsd:enumeration value="ULTIPRO"/>
              <xsd:enumeration value="ULTIPRO_AUTOMATION"/>
              <xsd:enumeration value="UNIX"/>
              <xsd:enumeration value="UNKNOWN_APPLICATION"/>
              <xsd:enumeration value="VDR_ADVANCED_AV"/>
              <xsd:enumeration value="VDR_AMERISTAR"/>
              <xsd:enumeration value="VDR_APC"/>
              <xsd:enumeration value="VDR_ATROMICK"/>
              <xsd:enumeration value="VDR_AV_VENDORS"/>
              <xsd:enumeration value="VDR_BELKIN_RRP"/>
              <xsd:enumeration value="VDR_CE"/>
              <xsd:enumeration value="VDR_CERNER"/>
              <xsd:enumeration value="VDR_COMPUCOM"/>
              <xsd:enumeration value="VDR_CYRACOM"/>
              <xsd:enumeration value="VDR_DEC_REPAIR"/>
              <xsd:enumeration value="VDR_DELMARVA/WFI"/>
              <xsd:enumeration value="VDR_DEZINE"/>
              <xsd:enumeration value="VDR_DICTAPHONE"/>
              <xsd:enumeration value="VDR_FIELD_CONF"/>
              <xsd:enumeration value="VDR_FIELDSVC_FOLLOWUP"/>
              <xsd:enumeration value="VDR_FRONTRANGE"/>
              <xsd:enumeration value="VDR_FUJITSU"/>
              <xsd:enumeration value="VDR_GWN"/>
              <xsd:enumeration value="VDR_HORIZON_HHC"/>
              <xsd:enumeration value="VDR_HP_MPS"/>
              <xsd:enumeration value="VDR_IBM_REPAIR"/>
              <xsd:enumeration value="VDR_INFOLGX_RPR"/>
              <xsd:enumeration value="VDR_INTRMEC_RPR"/>
              <xsd:enumeration value="VDR_ISI_REPAIR"/>
              <xsd:enumeration value="VDR_MBI"/>
              <xsd:enumeration value="VDR_MENDS"/>
              <xsd:enumeration value="VDR_MPS_TONER"/>
              <xsd:enumeration value="VDR_OBIS"/>
              <xsd:enumeration value="VDR_OCF"/>
              <xsd:enumeration value="VDR_PALM_REPAIR"/>
              <xsd:enumeration value="VDR_PHILIPS"/>
              <xsd:enumeration value="VDR_PICIS"/>
              <xsd:enumeration value="VDR_RMA"/>
              <xsd:enumeration value="VDR_SHARED_TECHNOLOGIES"/>
              <xsd:enumeration value="VDR_TELECOMFIELD_FOLLOWUP"/>
              <xsd:enumeration value="VDR_TELEPHONY"/>
              <xsd:enumeration value="VDR_TVR"/>
              <xsd:enumeration value="VDR_VERIZON"/>
              <xsd:enumeration value="VDR_WLM_TRUST"/>
              <xsd:enumeration value="VDR_ZEBRA_RPR"/>
              <xsd:enumeration value="VENDORCLEAR"/>
              <xsd:enumeration value="VERGENCE"/>
              <xsd:enumeration value="VMS"/>
              <xsd:enumeration value="VNA_SUPPORT"/>
              <xsd:enumeration value="VOCERA_SECURE_MSG"/>
              <xsd:enumeration value="VOICE_WAVE"/>
              <xsd:enumeration value="VOICEMAX"/>
              <xsd:enumeration value="VOICEWAVE"/>
              <xsd:enumeration value="VOLGISTICS"/>
              <xsd:enumeration value="VOLUNTEER_WORKS"/>
              <xsd:enumeration value="WEB_FORM_BUILDER"/>
              <xsd:enumeration value="WEB_PAGING"/>
              <xsd:enumeration value="WEBCONTROL"/>
              <xsd:enumeration value="WEBMD_ASP"/>
              <xsd:enumeration value="WEBMEDX"/>
              <xsd:enumeration value="WELLSOURCE"/>
              <xsd:enumeration value="WINCODER"/>
              <xsd:enumeration value="WMS"/>
              <xsd:enumeration value="WORKDAY"/>
              <xsd:enumeration value="XCELERA"/>
              <xsd:enumeration value="XIM"/>
              <xsd:enumeration value="YAMMER"/>
            </xsd:restriction>
          </xsd:simpleType>
        </xsd:union>
      </xsd:simpleType>
    </xsd:element>
  </xsd:schema>
  <xsd:schema xmlns:xsd="http://www.w3.org/2001/XMLSchema" xmlns:xs="http://www.w3.org/2001/XMLSchema" xmlns:dms="http://schemas.microsoft.com/office/2006/documentManagement/types" xmlns:pc="http://schemas.microsoft.com/office/infopath/2007/PartnerControls" targetNamespace="ba7f6efb-9b7f-4f10-aed5-f0b9648f87bb" elementFormDefault="qualified">
    <xsd:import namespace="http://schemas.microsoft.com/office/2006/documentManagement/types"/>
    <xsd:import namespace="http://schemas.microsoft.com/office/infopath/2007/PartnerControls"/>
    <xsd:element name="Primary_x0020_Analyst_x0028_s_x0029__x002f_Group" ma:index="4" nillable="true" ma:displayName="Primary Analyst/Team" ma:list="UserInfo" ma:SearchPeopleOnly="false" ma:SharePointGroup="0" ma:internalName="Prim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econdary_x0020_Analyst_x0028_s_x0029__x002f_Group" ma:index="5" nillable="true" ma:displayName="Secondary Analyst/Team" ma:list="UserInfo" ma:SearchPeopleOnly="false" ma:SharePointGroup="0" ma:internalName="Secondary_x0020_Analyst_x0028_s_x0029__x002F_Group" ma:showField="ImnName">
      <xsd:complexType>
        <xsd:complexContent>
          <xsd:extension base="dms:User">
            <xsd:sequence>
              <xsd:element name="UserInfo" minOccurs="0" maxOccurs="unbounded">
                <xsd:complexType>
                  <xsd:sequence>
                    <xsd:element name="DisplayName" type="xsd:string" minOccurs="0"/>
                    <xsd:element name="AccountId" type="dms:UserId" minOccurs="0" nillable="true"/>
                    <xsd:element name="AccountType" type="xsd:string" minOccurs="0"/>
                  </xsd:sequence>
                </xsd:complexType>
              </xsd:element>
            </xsd:sequence>
          </xsd:extension>
        </xsd:complexContent>
      </xsd:complexType>
    </xsd:element>
    <xsd:element name="System_x0020_Type" ma:index="6" nillable="true" ma:displayName="System Type" ma:list="{f3ff0301-3f92-44d4-8a85-e3fc7d7db975}" ma:internalName="System_x0020_Type" ma:showField="Title" ma:web="ba7f6efb-9b7f-4f10-aed5-f0b9648f87bb">
      <xsd:simpleType>
        <xsd:restriction base="dms:Lookup"/>
      </xsd:simpleType>
    </xsd:element>
    <xsd:element name="Criticality" ma:index="7" nillable="true" ma:displayName="Criticality" ma:format="Dropdown" ma:internalName="Criticality">
      <xsd:simpleType>
        <xsd:restriction base="dms:Choice">
          <xsd:enumeration value="Business Hours"/>
          <xsd:enumeration value="24/7"/>
        </xsd:restriction>
      </xsd:simpleType>
    </xsd:element>
    <xsd:element name="Next_x0020_Review_x0020_Date" ma:index="10" nillable="true" ma:displayName="Next Review Date" ma:description="The next date this document should be reviewed (default is 6 months from today)." ma:format="DateOnly" ma:internalName="Next_x0020_Review_x0020_Date" ma:readOnly="false">
      <xsd:simpleType>
        <xsd:restriction base="dms:DateTime"/>
      </xsd:simpleType>
    </xsd:element>
    <xsd:element name="Expiration1" ma:index="11" nillable="true" ma:displayName="Expiration" ma:description="The earliest date this document can be archived/deleted." ma:format="DateOnly" ma:internalName="Expiration1">
      <xsd:simpleType>
        <xsd:restriction base="dms:DateTime"/>
      </xsd:simpleType>
    </xsd:element>
  </xsd:schema>
  <xsd:schema xmlns="http://schemas.openxmlformats.org/package/2006/metadata/core-properties" xmlns:xsd="http://www.w3.org/2001/XMLSchema" xmlns:xsi="http://www.w3.org/2001/XMLSchema-instance" xmlns:dc="http://purl.org/dc/elements/1.1/" xmlns:dcterms="http://purl.org/dc/terms/" xmlns:odoc="http://schemas.microsoft.com/internal/obd" targetNamespace="http://schemas.openxmlformats.org/package/2006/metadata/core-properties" elementFormDefault="qualified" attributeFormDefault="unqualified" blockDefault="#all">
    <xsd:import namespace="http://purl.org/dc/elements/1.1/" schemaLocation="http://dublincore.org/schemas/xmls/qdc/2003/04/02/dc.xsd"/>
    <xsd:import namespace="http://purl.org/dc/terms/" schemaLocation="http://dublincore.org/schemas/xmls/qdc/2003/04/02/dcterms.xsd"/>
    <xsd:element name="coreProperties" type="CT_coreProperties"/>
    <xsd:complexType name="CT_coreProperties">
      <xsd:all>
        <xsd:element ref="dc:creator" minOccurs="0" maxOccurs="1" ma:index="8" ma:displayName="Author"/>
        <xsd:element ref="dcterms:created" minOccurs="0" maxOccurs="1"/>
        <xsd:element ref="dc:identifier" minOccurs="0" maxOccurs="1"/>
        <xsd:element name="contentType" minOccurs="0" maxOccurs="1" type="xsd:string" ma:index="12" ma:displayName="Content Type"/>
        <xsd:element ref="dc:title" minOccurs="0" maxOccurs="1" ma:index="1" ma:displayName="Title"/>
        <xsd:element ref="dc:subject" minOccurs="0" maxOccurs="1"/>
        <xsd:element ref="dc:description" minOccurs="0" maxOccurs="1"/>
        <xsd:element name="keywords" minOccurs="0" maxOccurs="1" type="xsd:string" ma:index="9" ma:displayName="Keywords"/>
        <xsd:element ref="dc:language" minOccurs="0" maxOccurs="1"/>
        <xsd:element name="category" minOccurs="0" maxOccurs="1" type="xsd:string"/>
        <xsd:element name="version" minOccurs="0" maxOccurs="1" type="xsd:string"/>
        <xsd:element name="revision" minOccurs="0" maxOccurs="1" type="xsd:string">
          <xsd:annotation>
            <xsd:documentation>
                        This value indicates the number of saves or revisions. The application is responsible for updating this value after each revision.
                    </xsd:documentation>
          </xsd:annotation>
        </xsd:element>
        <xsd:element name="lastModifiedBy" minOccurs="0" maxOccurs="1" type="xsd:string"/>
        <xsd:element ref="dcterms:modified" minOccurs="0" maxOccurs="1"/>
        <xsd:element name="contentStatus" minOccurs="0" maxOccurs="1" type="xsd:string"/>
      </xsd:all>
    </xsd:complexType>
  </xsd:schema>
  <xs:schema xmlns:pc="http://schemas.microsoft.com/office/infopath/2007/PartnerControls" xmlns:xs="http://www.w3.org/2001/XMLSchema" targetNamespace="http://schemas.microsoft.com/office/infopath/2007/PartnerControls" elementFormDefault="qualified" attributeFormDefault="unqualified">
    <xs:element name="Person">
      <xs:complexType>
        <xs:sequence>
          <xs:element ref="pc:DisplayName" minOccurs="0"/>
          <xs:element ref="pc:AccountId" minOccurs="0"/>
          <xs:element ref="pc:AccountType" minOccurs="0"/>
        </xs:sequence>
      </xs:complexType>
    </xs:element>
    <xs:element name="DisplayName" type="xs:string"/>
    <xs:element name="AccountId" type="xs:string"/>
    <xs:element name="AccountType" type="xs:string"/>
    <xs:element name="BDCAssociatedEntity">
      <xs:complexType>
        <xs:sequence>
          <xs:element ref="pc:BDCEntity" minOccurs="0" maxOccurs="unbounded"/>
        </xs:sequence>
        <xs:attribute ref="pc:EntityNamespace"/>
        <xs:attribute ref="pc:EntityName"/>
        <xs:attribute ref="pc:SystemInstanceName"/>
        <xs:attribute ref="pc:AssociationName"/>
      </xs:complexType>
    </xs:element>
    <xs:attribute name="EntityNamespace" type="xs:string"/>
    <xs:attribute name="EntityName" type="xs:string"/>
    <xs:attribute name="SystemInstanceName" type="xs:string"/>
    <xs:attribute name="AssociationName" type="xs:string"/>
    <xs:element name="BDCEntity">
      <xs:complexType>
        <xs:sequence>
          <xs:element ref="pc:EntityDisplayName" minOccurs="0"/>
          <xs:element ref="pc:EntityInstanceReference" minOccurs="0"/>
          <xs:element ref="pc:EntityId1" minOccurs="0"/>
          <xs:element ref="pc:EntityId2" minOccurs="0"/>
          <xs:element ref="pc:EntityId3" minOccurs="0"/>
          <xs:element ref="pc:EntityId4" minOccurs="0"/>
          <xs:element ref="pc:EntityId5" minOccurs="0"/>
        </xs:sequence>
      </xs:complexType>
    </xs:element>
    <xs:element name="EntityDisplayName" type="xs:string"/>
    <xs:element name="EntityInstanceReference" type="xs:string"/>
    <xs:element name="EntityId1" type="xs:string"/>
    <xs:element name="EntityId2" type="xs:string"/>
    <xs:element name="EntityId3" type="xs:string"/>
    <xs:element name="EntityId4" type="xs:string"/>
    <xs:element name="EntityId5" type="xs:string"/>
    <xs:element name="Terms">
      <xs:complexType>
        <xs:sequence>
          <xs:element ref="pc:TermInfo" minOccurs="0" maxOccurs="unbounded"/>
        </xs:sequence>
      </xs:complexType>
    </xs:element>
    <xs:element name="TermInfo">
      <xs:complexType>
        <xs:sequence>
          <xs:element ref="pc:TermName" minOccurs="0"/>
          <xs:element ref="pc:TermId" minOccurs="0"/>
        </xs:sequence>
      </xs:complexType>
    </xs:element>
    <xs:element name="TermName" type="xs:string"/>
    <xs:element name="TermId" type="xs:string"/>
  </xs:schema>
</ct:contentTypeSchema>
</file>

<file path=customXml/item2.xml><?xml version="1.0" encoding="utf-8"?>
<?mso-contentType ?>
<customXsn xmlns="http://schemas.microsoft.com/office/2006/metadata/customXsn">
  <xsnLocation/>
  <cached>True</cached>
  <openByDefault>True</openByDefault>
  <xsnScope/>
</customXsn>
</file>

<file path=customXml/item3.xml><?xml version="1.0" encoding="utf-8"?>
<p:properties xmlns:p="http://schemas.microsoft.com/office/2006/metadata/properties" xmlns:xsi="http://www.w3.org/2001/XMLSchema-instance" xmlns:pc="http://schemas.microsoft.com/office/infopath/2007/PartnerControls">
  <documentManagement>
    <System_x0020_Type xmlns="ba7f6efb-9b7f-4f10-aed5-f0b9648f87bb" xsi:nil="true"/>
    <Next_x0020_Review_x0020_Date xmlns="ba7f6efb-9b7f-4f10-aed5-f0b9648f87bb" xsi:nil="true"/>
    <Application_x0020__x0028_temp_x0029_ xmlns="130e0593-5292-4fa7-b8ae-8ff45477badd" xsi:nil="true"/>
    <HEAT_x0020_Group_x0020__x0028_temp_x0029_ xmlns="130e0593-5292-4fa7-b8ae-8ff45477badd" xsi:nil="true"/>
    <Criticality xmlns="ba7f6efb-9b7f-4f10-aed5-f0b9648f87bb" xsi:nil="true"/>
    <Expiration1 xmlns="ba7f6efb-9b7f-4f10-aed5-f0b9648f87bb" xsi:nil="true"/>
    <Primary_x0020_Analyst_x0028_s_x0029__x002f_Group xmlns="ba7f6efb-9b7f-4f10-aed5-f0b9648f87bb">
      <UserInfo>
        <DisplayName/>
        <AccountId xsi:nil="true"/>
        <AccountType/>
      </UserInfo>
    </Primary_x0020_Analyst_x0028_s_x0029__x002f_Group>
    <Secondary_x0020_Analyst_x0028_s_x0029__x002f_Group xmlns="ba7f6efb-9b7f-4f10-aed5-f0b9648f87bb">
      <UserInfo>
        <DisplayName/>
        <AccountId xsi:nil="true"/>
        <AccountType/>
      </UserInfo>
    </Secondary_x0020_Analyst_x0028_s_x0029__x002f_Group>
  </documentManagement>
</p:properties>
</file>

<file path=customXml/item4.xml><?xml version="1.0" encoding="utf-8"?>
<?mso-contentType ?>
<FormTemplates xmlns="http://schemas.microsoft.com/sharepoint/v3/contenttype/forms">
  <Display>DocumentLibraryForm</Display>
  <Edit>DocumentLibraryForm</Edit>
  <New>DocumentLibraryForm</New>
</FormTemplates>
</file>

<file path=customXml/itemProps1.xml><?xml version="1.0" encoding="utf-8"?>
<ds:datastoreItem xmlns:ds="http://schemas.openxmlformats.org/officeDocument/2006/customXml" ds:itemID="{3F6873C0-DA82-434F-A1AA-5B54509A9CE6}">
  <ds:schemaRefs>
    <ds:schemaRef ds:uri="http://schemas.microsoft.com/office/2006/metadata/contentType"/>
    <ds:schemaRef ds:uri="http://schemas.microsoft.com/office/2006/metadata/properties/metaAttributes"/>
    <ds:schemaRef ds:uri="http://www.w3.org/2001/XMLSchema"/>
    <ds:schemaRef ds:uri="http://schemas.microsoft.com/office/2006/metadata/properties"/>
    <ds:schemaRef ds:uri="130e0593-5292-4fa7-b8ae-8ff45477badd"/>
    <ds:schemaRef ds:uri="ba7f6efb-9b7f-4f10-aed5-f0b9648f87bb"/>
    <ds:schemaRef ds:uri="http://schemas.microsoft.com/office/2006/documentManagement/types"/>
    <ds:schemaRef ds:uri="http://schemas.microsoft.com/office/infopath/2007/PartnerControls"/>
    <ds:schemaRef ds:uri="http://schemas.openxmlformats.org/package/2006/metadata/core-properties"/>
    <ds:schemaRef ds:uri="http://purl.org/dc/elements/1.1/"/>
    <ds:schemaRef ds:uri="http://purl.org/dc/terms/"/>
    <ds:schemaRef ds:uri="http://schemas.microsoft.com/internal/obd"/>
  </ds:schemaRefs>
</ds:datastoreItem>
</file>

<file path=customXml/itemProps2.xml><?xml version="1.0" encoding="utf-8"?>
<ds:datastoreItem xmlns:ds="http://schemas.openxmlformats.org/officeDocument/2006/customXml" ds:itemID="{3DBA68DB-AC9C-4EA8-900F-8260F90DC480}">
  <ds:schemaRefs>
    <ds:schemaRef ds:uri="http://schemas.microsoft.com/office/2006/metadata/customXsn"/>
  </ds:schemaRefs>
</ds:datastoreItem>
</file>

<file path=customXml/itemProps3.xml><?xml version="1.0" encoding="utf-8"?>
<ds:datastoreItem xmlns:ds="http://schemas.openxmlformats.org/officeDocument/2006/customXml" ds:itemID="{35CB9050-0898-42E6-965E-AFAE8A7EE6EB}">
  <ds:schemaRefs>
    <ds:schemaRef ds:uri="http://schemas.microsoft.com/office/2006/documentManagement/types"/>
    <ds:schemaRef ds:uri="http://www.w3.org/XML/1998/namespace"/>
    <ds:schemaRef ds:uri="http://schemas.microsoft.com/office/infopath/2007/PartnerControls"/>
    <ds:schemaRef ds:uri="http://purl.org/dc/terms/"/>
    <ds:schemaRef ds:uri="http://purl.org/dc/elements/1.1/"/>
    <ds:schemaRef ds:uri="130e0593-5292-4fa7-b8ae-8ff45477badd"/>
    <ds:schemaRef ds:uri="http://schemas.openxmlformats.org/package/2006/metadata/core-properties"/>
    <ds:schemaRef ds:uri="ba7f6efb-9b7f-4f10-aed5-f0b9648f87bb"/>
    <ds:schemaRef ds:uri="http://schemas.microsoft.com/office/2006/metadata/properties"/>
    <ds:schemaRef ds:uri="http://purl.org/dc/dcmitype/"/>
  </ds:schemaRefs>
</ds:datastoreItem>
</file>

<file path=customXml/itemProps4.xml><?xml version="1.0" encoding="utf-8"?>
<ds:datastoreItem xmlns:ds="http://schemas.openxmlformats.org/officeDocument/2006/customXml" ds:itemID="{13CBC4D0-5989-41D4-B71C-497672C5E7FC}">
  <ds:schemaRefs>
    <ds:schemaRef ds:uri="http://schemas.microsoft.com/sharepoint/v3/contenttype/forms"/>
  </ds:schemaRefs>
</ds:datastoreItem>
</file>

<file path=docProps/app.xml><?xml version="1.0" encoding="utf-8"?>
<Properties xmlns="http://schemas.openxmlformats.org/officeDocument/2006/extended-properties" xmlns:vt="http://schemas.openxmlformats.org/officeDocument/2006/docPropsVTypes">
  <TotalTime>18</TotalTime>
  <Words>169</Words>
  <Application>Microsoft Office PowerPoint</Application>
  <PresentationFormat>On-screen Show (4:3)</PresentationFormat>
  <Paragraphs>25</Paragraphs>
  <Slides>2</Slides>
  <Notes>0</Notes>
  <HiddenSlides>0</HiddenSlides>
  <MMClips>0</MMClips>
  <ScaleCrop>false</ScaleCrop>
  <HeadingPairs>
    <vt:vector size="4" baseType="variant">
      <vt:variant>
        <vt:lpstr>Theme</vt:lpstr>
      </vt:variant>
      <vt:variant>
        <vt:i4>1</vt:i4>
      </vt:variant>
      <vt:variant>
        <vt:lpstr>Slide Titles</vt:lpstr>
      </vt:variant>
      <vt:variant>
        <vt:i4>2</vt:i4>
      </vt:variant>
    </vt:vector>
  </HeadingPairs>
  <TitlesOfParts>
    <vt:vector size="3" baseType="lpstr">
      <vt:lpstr>1_Austin</vt:lpstr>
      <vt:lpstr>Anemia</vt:lpstr>
      <vt:lpstr>Anemia Documentation Example</vt:lpstr>
    </vt:vector>
  </TitlesOfParts>
  <Company>Christiana Care Health System</Company>
  <LinksUpToDate>false</LinksUpToDate>
  <SharedDoc>false</SharedDoc>
  <HyperlinksChanged>false</HyperlinksChanged>
  <AppVersion>14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Anemia</dc:title>
  <dc:creator>Brannen, Gerald R</dc:creator>
  <cp:lastModifiedBy>Frosch, Karen L.</cp:lastModifiedBy>
  <cp:revision>5</cp:revision>
  <dcterms:created xsi:type="dcterms:W3CDTF">2015-08-19T17:49:55Z</dcterms:created>
  <dcterms:modified xsi:type="dcterms:W3CDTF">2015-08-28T15:51:35Z</dcterms:modified>
</cp:coreProperties>
</file>

<file path=docProps/custom.xml><?xml version="1.0" encoding="utf-8"?>
<Properties xmlns="http://schemas.openxmlformats.org/officeDocument/2006/custom-properties" xmlns:vt="http://schemas.openxmlformats.org/officeDocument/2006/docPropsVTypes">
  <property fmtid="{D5CDD505-2E9C-101B-9397-08002B2CF9AE}" pid="2" name="ContentTypeId">
    <vt:lpwstr>0x0101009871527210460F40848DCA13FD2FB61D00AD6EC1A2CCBFD848BC8B5C369996C50B</vt:lpwstr>
  </property>
</Properties>
</file>